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10" yWindow="-110" windowWidth="23260" windowHeight="124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G35" i="10" l="1"/>
  <c r="BG34"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36" i="10"/>
  <c r="CO35" i="10"/>
  <c r="AM35" i="10"/>
  <c r="C34" i="10"/>
  <c r="U34" i="10" l="1"/>
  <c r="U35" i="10" s="1"/>
  <c r="U36" i="10" s="1"/>
  <c r="U37" i="10" s="1"/>
  <c r="C35"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BE34" i="10" s="1"/>
  <c r="BE35" i="10" s="1"/>
  <c r="BW34" i="10" l="1"/>
  <c r="BW35" i="10" s="1"/>
  <c r="BW36" i="10" s="1"/>
  <c r="BW37" i="10" s="1"/>
  <c r="BW38" i="10" s="1"/>
  <c r="BW39" i="10" s="1"/>
  <c r="BW40" i="10" s="1"/>
  <c r="BW41" i="10" s="1"/>
  <c r="BW42" i="10" s="1"/>
  <c r="CO34" i="10" l="1"/>
</calcChain>
</file>

<file path=xl/sharedStrings.xml><?xml version="1.0" encoding="utf-8"?>
<sst xmlns="http://schemas.openxmlformats.org/spreadsheetml/2006/main" count="1177" uniqueCount="59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松田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3</t>
    <phoneticPr fontId="5"/>
  </si>
  <si>
    <t>基準財政需要額</t>
    <phoneticPr fontId="25"/>
  </si>
  <si>
    <t>うち日本人(％)</t>
    <phoneticPr fontId="5"/>
  </si>
  <si>
    <t>-1.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松田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簡易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松田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所事業特別会計</t>
    <phoneticPr fontId="5"/>
  </si>
  <si>
    <t>介護保険事業特別会計</t>
    <phoneticPr fontId="5"/>
  </si>
  <si>
    <t>後期高齢者医療特別会計</t>
    <phoneticPr fontId="5"/>
  </si>
  <si>
    <t>上水道事業会計</t>
    <phoneticPr fontId="5"/>
  </si>
  <si>
    <t>法適用企業</t>
    <phoneticPr fontId="5"/>
  </si>
  <si>
    <t>下水道事業特別会計</t>
    <phoneticPr fontId="5"/>
  </si>
  <si>
    <t>法非適用企業</t>
    <phoneticPr fontId="5"/>
  </si>
  <si>
    <t>寄簡易水道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介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4.98</t>
  </si>
  <si>
    <t>▲ 0.62</t>
  </si>
  <si>
    <t>上水道事業会計</t>
  </si>
  <si>
    <t>一般会計</t>
  </si>
  <si>
    <t>介護保険事業特別会計</t>
  </si>
  <si>
    <t>国民健康保険事業特別会計</t>
  </si>
  <si>
    <t>後期高齢者医療特別会計</t>
  </si>
  <si>
    <t>下水道事業特別会計</t>
  </si>
  <si>
    <t>国民健康保険診療所事業特別会計</t>
  </si>
  <si>
    <t>寄簡易水道事業特別会計</t>
  </si>
  <si>
    <t>その他会計（赤字）</t>
  </si>
  <si>
    <t>その他会計（黒字）</t>
  </si>
  <si>
    <t>（百万円）</t>
    <phoneticPr fontId="5"/>
  </si>
  <si>
    <t>H30</t>
    <phoneticPr fontId="5"/>
  </si>
  <si>
    <t>R01</t>
    <phoneticPr fontId="5"/>
  </si>
  <si>
    <t>R02</t>
    <phoneticPr fontId="5"/>
  </si>
  <si>
    <t>R03</t>
    <phoneticPr fontId="5"/>
  </si>
  <si>
    <t>R04</t>
    <phoneticPr fontId="5"/>
  </si>
  <si>
    <t>有限会社　みやまの里</t>
    <rPh sb="0" eb="4">
      <t>ユウゲンガイシャ</t>
    </rPh>
    <rPh sb="9" eb="10">
      <t>サト</t>
    </rPh>
    <phoneticPr fontId="2"/>
  </si>
  <si>
    <t>南足柄市外五ケ市町組合</t>
  </si>
  <si>
    <t>松田町外二ヶ町組合</t>
  </si>
  <si>
    <t>足柄上衛生組合</t>
  </si>
  <si>
    <t>足柄東部清掃組合</t>
  </si>
  <si>
    <t>松田町外三ケ町組合</t>
  </si>
  <si>
    <t>神奈川県市町村職員退職手当組合</t>
  </si>
  <si>
    <t>神奈川県後期高齢者医療広域連合（一般会計）</t>
  </si>
  <si>
    <t>神奈川県後期高齢者医療広域連合（特別会計）</t>
  </si>
  <si>
    <t>神奈川県町村情報システム共同事業組合</t>
  </si>
  <si>
    <t>松田町新松田駅周辺整備基金</t>
  </si>
  <si>
    <t>松田町公共施設等整備基金</t>
    <rPh sb="3" eb="8">
      <t>コウキョウシセツトウ</t>
    </rPh>
    <rPh sb="8" eb="12">
      <t>セイビキキン</t>
    </rPh>
    <phoneticPr fontId="5"/>
  </si>
  <si>
    <t>松田町教育施設整備基金</t>
  </si>
  <si>
    <t>松田町町営住宅基金</t>
  </si>
  <si>
    <t>松田町体育振興基金</t>
  </si>
  <si>
    <t>―</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類似団体と比較すると、将来負担比率、有形固定資産減価償却率ともに高い値になっている。
近年は基金への積み立てにより、充当可能基金が増加し、将来負担比率は減少傾向にある。
今後、基金の取り崩しも含め、公共施設の計画的な管理・更新を検討して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類似団体と比較した場合、将来負担比率は高い値で推移しているが、実質公債費比率は低い値を維持している。
近年の傾向を見ると、将来負担比率は、充当可能基金の増加等により減少傾向にあり、実質公債費比率は、大型公共事業の元金償還の開始により増加傾向になっている。</t>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88328</c:v>
                </c:pt>
                <c:pt idx="1">
                  <c:v>103390</c:v>
                </c:pt>
                <c:pt idx="2">
                  <c:v>117234</c:v>
                </c:pt>
                <c:pt idx="3">
                  <c:v>97758</c:v>
                </c:pt>
                <c:pt idx="4">
                  <c:v>91338</c:v>
                </c:pt>
              </c:numCache>
            </c:numRef>
          </c:val>
          <c:smooth val="0"/>
          <c:extLst>
            <c:ext xmlns:c16="http://schemas.microsoft.com/office/drawing/2014/chart" uri="{C3380CC4-5D6E-409C-BE32-E72D297353CC}">
              <c16:uniqueId val="{00000000-D57C-499D-904F-0E163D9C976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87056</c:v>
                </c:pt>
                <c:pt idx="1">
                  <c:v>56834</c:v>
                </c:pt>
                <c:pt idx="2">
                  <c:v>103749</c:v>
                </c:pt>
                <c:pt idx="3">
                  <c:v>199599</c:v>
                </c:pt>
                <c:pt idx="4">
                  <c:v>76521</c:v>
                </c:pt>
              </c:numCache>
            </c:numRef>
          </c:val>
          <c:smooth val="0"/>
          <c:extLst>
            <c:ext xmlns:c16="http://schemas.microsoft.com/office/drawing/2014/chart" uri="{C3380CC4-5D6E-409C-BE32-E72D297353CC}">
              <c16:uniqueId val="{00000001-D57C-499D-904F-0E163D9C9761}"/>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12</c:v>
                </c:pt>
                <c:pt idx="1">
                  <c:v>7.2</c:v>
                </c:pt>
                <c:pt idx="2">
                  <c:v>12.28</c:v>
                </c:pt>
                <c:pt idx="3">
                  <c:v>15.44</c:v>
                </c:pt>
                <c:pt idx="4">
                  <c:v>11.99</c:v>
                </c:pt>
              </c:numCache>
            </c:numRef>
          </c:val>
          <c:extLst>
            <c:ext xmlns:c16="http://schemas.microsoft.com/office/drawing/2014/chart" uri="{C3380CC4-5D6E-409C-BE32-E72D297353CC}">
              <c16:uniqueId val="{00000000-B608-4EBD-9105-28068EB570B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2.21</c:v>
                </c:pt>
                <c:pt idx="1">
                  <c:v>12.38</c:v>
                </c:pt>
                <c:pt idx="2">
                  <c:v>24.49</c:v>
                </c:pt>
                <c:pt idx="3">
                  <c:v>36.56</c:v>
                </c:pt>
                <c:pt idx="4">
                  <c:v>46.56</c:v>
                </c:pt>
              </c:numCache>
            </c:numRef>
          </c:val>
          <c:extLst>
            <c:ext xmlns:c16="http://schemas.microsoft.com/office/drawing/2014/chart" uri="{C3380CC4-5D6E-409C-BE32-E72D297353CC}">
              <c16:uniqueId val="{00000001-B608-4EBD-9105-28068EB570BF}"/>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4.9800000000000004</c:v>
                </c:pt>
                <c:pt idx="1">
                  <c:v>2.0099999999999998</c:v>
                </c:pt>
                <c:pt idx="2">
                  <c:v>18.22</c:v>
                </c:pt>
                <c:pt idx="3">
                  <c:v>10.96</c:v>
                </c:pt>
                <c:pt idx="4">
                  <c:v>-0.62</c:v>
                </c:pt>
              </c:numCache>
            </c:numRef>
          </c:val>
          <c:smooth val="0"/>
          <c:extLst>
            <c:ext xmlns:c16="http://schemas.microsoft.com/office/drawing/2014/chart" uri="{C3380CC4-5D6E-409C-BE32-E72D297353CC}">
              <c16:uniqueId val="{00000002-B608-4EBD-9105-28068EB570BF}"/>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DBA4-427F-AB5B-9D34A56A569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BA4-427F-AB5B-9D34A56A5692}"/>
            </c:ext>
          </c:extLst>
        </c:ser>
        <c:ser>
          <c:idx val="2"/>
          <c:order val="2"/>
          <c:tx>
            <c:strRef>
              <c:f>データシート!$A$29</c:f>
              <c:strCache>
                <c:ptCount val="1"/>
                <c:pt idx="0">
                  <c:v>寄簡易水道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16</c:v>
                </c:pt>
                <c:pt idx="2">
                  <c:v>#N/A</c:v>
                </c:pt>
                <c:pt idx="3">
                  <c:v>0.11</c:v>
                </c:pt>
                <c:pt idx="4">
                  <c:v>#N/A</c:v>
                </c:pt>
                <c:pt idx="5">
                  <c:v>0.26</c:v>
                </c:pt>
                <c:pt idx="6">
                  <c:v>#N/A</c:v>
                </c:pt>
                <c:pt idx="7">
                  <c:v>0.15</c:v>
                </c:pt>
                <c:pt idx="8">
                  <c:v>#N/A</c:v>
                </c:pt>
                <c:pt idx="9">
                  <c:v>0.06</c:v>
                </c:pt>
              </c:numCache>
            </c:numRef>
          </c:val>
          <c:extLst>
            <c:ext xmlns:c16="http://schemas.microsoft.com/office/drawing/2014/chart" uri="{C3380CC4-5D6E-409C-BE32-E72D297353CC}">
              <c16:uniqueId val="{00000002-DBA4-427F-AB5B-9D34A56A5692}"/>
            </c:ext>
          </c:extLst>
        </c:ser>
        <c:ser>
          <c:idx val="3"/>
          <c:order val="3"/>
          <c:tx>
            <c:strRef>
              <c:f>データシート!$A$30</c:f>
              <c:strCache>
                <c:ptCount val="1"/>
                <c:pt idx="0">
                  <c:v>国民健康保険診療所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45</c:v>
                </c:pt>
                <c:pt idx="2">
                  <c:v>#N/A</c:v>
                </c:pt>
                <c:pt idx="3">
                  <c:v>0.56000000000000005</c:v>
                </c:pt>
                <c:pt idx="4">
                  <c:v>#N/A</c:v>
                </c:pt>
                <c:pt idx="5">
                  <c:v>0.56999999999999995</c:v>
                </c:pt>
                <c:pt idx="6">
                  <c:v>#N/A</c:v>
                </c:pt>
                <c:pt idx="7">
                  <c:v>0.38</c:v>
                </c:pt>
                <c:pt idx="8">
                  <c:v>#N/A</c:v>
                </c:pt>
                <c:pt idx="9">
                  <c:v>0.17</c:v>
                </c:pt>
              </c:numCache>
            </c:numRef>
          </c:val>
          <c:extLst>
            <c:ext xmlns:c16="http://schemas.microsoft.com/office/drawing/2014/chart" uri="{C3380CC4-5D6E-409C-BE32-E72D297353CC}">
              <c16:uniqueId val="{00000003-DBA4-427F-AB5B-9D34A56A5692}"/>
            </c:ext>
          </c:extLst>
        </c:ser>
        <c:ser>
          <c:idx val="4"/>
          <c:order val="4"/>
          <c:tx>
            <c:strRef>
              <c:f>データシート!$A$31</c:f>
              <c:strCache>
                <c:ptCount val="1"/>
                <c:pt idx="0">
                  <c:v>下水道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51</c:v>
                </c:pt>
                <c:pt idx="2">
                  <c:v>#N/A</c:v>
                </c:pt>
                <c:pt idx="3">
                  <c:v>0.97</c:v>
                </c:pt>
                <c:pt idx="4">
                  <c:v>#N/A</c:v>
                </c:pt>
                <c:pt idx="5">
                  <c:v>0.49</c:v>
                </c:pt>
                <c:pt idx="6">
                  <c:v>#N/A</c:v>
                </c:pt>
                <c:pt idx="7">
                  <c:v>0.57999999999999996</c:v>
                </c:pt>
                <c:pt idx="8">
                  <c:v>#N/A</c:v>
                </c:pt>
                <c:pt idx="9">
                  <c:v>0.25</c:v>
                </c:pt>
              </c:numCache>
            </c:numRef>
          </c:val>
          <c:extLst>
            <c:ext xmlns:c16="http://schemas.microsoft.com/office/drawing/2014/chart" uri="{C3380CC4-5D6E-409C-BE32-E72D297353CC}">
              <c16:uniqueId val="{00000004-DBA4-427F-AB5B-9D34A56A5692}"/>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c:v>
                </c:pt>
                <c:pt idx="2">
                  <c:v>#N/A</c:v>
                </c:pt>
                <c:pt idx="3">
                  <c:v>0.15</c:v>
                </c:pt>
                <c:pt idx="4">
                  <c:v>#N/A</c:v>
                </c:pt>
                <c:pt idx="5">
                  <c:v>0.15</c:v>
                </c:pt>
                <c:pt idx="6">
                  <c:v>#N/A</c:v>
                </c:pt>
                <c:pt idx="7">
                  <c:v>0.16</c:v>
                </c:pt>
                <c:pt idx="8">
                  <c:v>#N/A</c:v>
                </c:pt>
                <c:pt idx="9">
                  <c:v>0.38</c:v>
                </c:pt>
              </c:numCache>
            </c:numRef>
          </c:val>
          <c:extLst>
            <c:ext xmlns:c16="http://schemas.microsoft.com/office/drawing/2014/chart" uri="{C3380CC4-5D6E-409C-BE32-E72D297353CC}">
              <c16:uniqueId val="{00000005-DBA4-427F-AB5B-9D34A56A5692}"/>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34</c:v>
                </c:pt>
                <c:pt idx="2">
                  <c:v>#N/A</c:v>
                </c:pt>
                <c:pt idx="3">
                  <c:v>2.82</c:v>
                </c:pt>
                <c:pt idx="4">
                  <c:v>#N/A</c:v>
                </c:pt>
                <c:pt idx="5">
                  <c:v>2.56</c:v>
                </c:pt>
                <c:pt idx="6">
                  <c:v>#N/A</c:v>
                </c:pt>
                <c:pt idx="7">
                  <c:v>1.82</c:v>
                </c:pt>
                <c:pt idx="8">
                  <c:v>#N/A</c:v>
                </c:pt>
                <c:pt idx="9">
                  <c:v>1.38</c:v>
                </c:pt>
              </c:numCache>
            </c:numRef>
          </c:val>
          <c:extLst>
            <c:ext xmlns:c16="http://schemas.microsoft.com/office/drawing/2014/chart" uri="{C3380CC4-5D6E-409C-BE32-E72D297353CC}">
              <c16:uniqueId val="{00000006-DBA4-427F-AB5B-9D34A56A5692}"/>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3.08</c:v>
                </c:pt>
                <c:pt idx="2">
                  <c:v>#N/A</c:v>
                </c:pt>
                <c:pt idx="3">
                  <c:v>2.86</c:v>
                </c:pt>
                <c:pt idx="4">
                  <c:v>#N/A</c:v>
                </c:pt>
                <c:pt idx="5">
                  <c:v>2.2200000000000002</c:v>
                </c:pt>
                <c:pt idx="6">
                  <c:v>#N/A</c:v>
                </c:pt>
                <c:pt idx="7">
                  <c:v>1.57</c:v>
                </c:pt>
                <c:pt idx="8">
                  <c:v>#N/A</c:v>
                </c:pt>
                <c:pt idx="9">
                  <c:v>2.65</c:v>
                </c:pt>
              </c:numCache>
            </c:numRef>
          </c:val>
          <c:extLst>
            <c:ext xmlns:c16="http://schemas.microsoft.com/office/drawing/2014/chart" uri="{C3380CC4-5D6E-409C-BE32-E72D297353CC}">
              <c16:uniqueId val="{00000007-DBA4-427F-AB5B-9D34A56A5692}"/>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5.1100000000000003</c:v>
                </c:pt>
                <c:pt idx="2">
                  <c:v>#N/A</c:v>
                </c:pt>
                <c:pt idx="3">
                  <c:v>7.19</c:v>
                </c:pt>
                <c:pt idx="4">
                  <c:v>#N/A</c:v>
                </c:pt>
                <c:pt idx="5">
                  <c:v>12.28</c:v>
                </c:pt>
                <c:pt idx="6">
                  <c:v>#N/A</c:v>
                </c:pt>
                <c:pt idx="7">
                  <c:v>15.43</c:v>
                </c:pt>
                <c:pt idx="8">
                  <c:v>#N/A</c:v>
                </c:pt>
                <c:pt idx="9">
                  <c:v>11.98</c:v>
                </c:pt>
              </c:numCache>
            </c:numRef>
          </c:val>
          <c:extLst>
            <c:ext xmlns:c16="http://schemas.microsoft.com/office/drawing/2014/chart" uri="{C3380CC4-5D6E-409C-BE32-E72D297353CC}">
              <c16:uniqueId val="{00000008-DBA4-427F-AB5B-9D34A56A5692}"/>
            </c:ext>
          </c:extLst>
        </c:ser>
        <c:ser>
          <c:idx val="9"/>
          <c:order val="9"/>
          <c:tx>
            <c:strRef>
              <c:f>データシート!$A$36</c:f>
              <c:strCache>
                <c:ptCount val="1"/>
                <c:pt idx="0">
                  <c:v>上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4.51</c:v>
                </c:pt>
                <c:pt idx="2">
                  <c:v>#N/A</c:v>
                </c:pt>
                <c:pt idx="3">
                  <c:v>15.24</c:v>
                </c:pt>
                <c:pt idx="4">
                  <c:v>#N/A</c:v>
                </c:pt>
                <c:pt idx="5">
                  <c:v>15.24</c:v>
                </c:pt>
                <c:pt idx="6">
                  <c:v>#N/A</c:v>
                </c:pt>
                <c:pt idx="7">
                  <c:v>14.59</c:v>
                </c:pt>
                <c:pt idx="8">
                  <c:v>#N/A</c:v>
                </c:pt>
                <c:pt idx="9">
                  <c:v>15.72</c:v>
                </c:pt>
              </c:numCache>
            </c:numRef>
          </c:val>
          <c:extLst>
            <c:ext xmlns:c16="http://schemas.microsoft.com/office/drawing/2014/chart" uri="{C3380CC4-5D6E-409C-BE32-E72D297353CC}">
              <c16:uniqueId val="{00000009-DBA4-427F-AB5B-9D34A56A5692}"/>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55</c:v>
                </c:pt>
                <c:pt idx="5">
                  <c:v>331</c:v>
                </c:pt>
                <c:pt idx="8">
                  <c:v>329</c:v>
                </c:pt>
                <c:pt idx="11">
                  <c:v>327</c:v>
                </c:pt>
                <c:pt idx="14">
                  <c:v>335</c:v>
                </c:pt>
              </c:numCache>
            </c:numRef>
          </c:val>
          <c:extLst>
            <c:ext xmlns:c16="http://schemas.microsoft.com/office/drawing/2014/chart" uri="{C3380CC4-5D6E-409C-BE32-E72D297353CC}">
              <c16:uniqueId val="{00000000-7B02-44B1-B9B1-6DC0A50A407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B02-44B1-B9B1-6DC0A50A407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c:v>
                </c:pt>
                <c:pt idx="3">
                  <c:v>4</c:v>
                </c:pt>
                <c:pt idx="6">
                  <c:v>4</c:v>
                </c:pt>
                <c:pt idx="9">
                  <c:v>4</c:v>
                </c:pt>
                <c:pt idx="12">
                  <c:v>5</c:v>
                </c:pt>
              </c:numCache>
            </c:numRef>
          </c:val>
          <c:extLst>
            <c:ext xmlns:c16="http://schemas.microsoft.com/office/drawing/2014/chart" uri="{C3380CC4-5D6E-409C-BE32-E72D297353CC}">
              <c16:uniqueId val="{00000002-7B02-44B1-B9B1-6DC0A50A407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B02-44B1-B9B1-6DC0A50A407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20</c:v>
                </c:pt>
                <c:pt idx="3">
                  <c:v>111</c:v>
                </c:pt>
                <c:pt idx="6">
                  <c:v>98</c:v>
                </c:pt>
                <c:pt idx="9">
                  <c:v>94</c:v>
                </c:pt>
                <c:pt idx="12">
                  <c:v>92</c:v>
                </c:pt>
              </c:numCache>
            </c:numRef>
          </c:val>
          <c:extLst>
            <c:ext xmlns:c16="http://schemas.microsoft.com/office/drawing/2014/chart" uri="{C3380CC4-5D6E-409C-BE32-E72D297353CC}">
              <c16:uniqueId val="{00000004-7B02-44B1-B9B1-6DC0A50A407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B02-44B1-B9B1-6DC0A50A407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B02-44B1-B9B1-6DC0A50A407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68</c:v>
                </c:pt>
                <c:pt idx="3">
                  <c:v>350</c:v>
                </c:pt>
                <c:pt idx="6">
                  <c:v>388</c:v>
                </c:pt>
                <c:pt idx="9">
                  <c:v>399</c:v>
                </c:pt>
                <c:pt idx="12">
                  <c:v>429</c:v>
                </c:pt>
              </c:numCache>
            </c:numRef>
          </c:val>
          <c:extLst>
            <c:ext xmlns:c16="http://schemas.microsoft.com/office/drawing/2014/chart" uri="{C3380CC4-5D6E-409C-BE32-E72D297353CC}">
              <c16:uniqueId val="{00000007-7B02-44B1-B9B1-6DC0A50A407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34</c:v>
                </c:pt>
                <c:pt idx="2">
                  <c:v>#N/A</c:v>
                </c:pt>
                <c:pt idx="3">
                  <c:v>#N/A</c:v>
                </c:pt>
                <c:pt idx="4">
                  <c:v>134</c:v>
                </c:pt>
                <c:pt idx="5">
                  <c:v>#N/A</c:v>
                </c:pt>
                <c:pt idx="6">
                  <c:v>#N/A</c:v>
                </c:pt>
                <c:pt idx="7">
                  <c:v>161</c:v>
                </c:pt>
                <c:pt idx="8">
                  <c:v>#N/A</c:v>
                </c:pt>
                <c:pt idx="9">
                  <c:v>#N/A</c:v>
                </c:pt>
                <c:pt idx="10">
                  <c:v>170</c:v>
                </c:pt>
                <c:pt idx="11">
                  <c:v>#N/A</c:v>
                </c:pt>
                <c:pt idx="12">
                  <c:v>#N/A</c:v>
                </c:pt>
                <c:pt idx="13">
                  <c:v>191</c:v>
                </c:pt>
                <c:pt idx="14">
                  <c:v>#N/A</c:v>
                </c:pt>
              </c:numCache>
            </c:numRef>
          </c:val>
          <c:smooth val="0"/>
          <c:extLst>
            <c:ext xmlns:c16="http://schemas.microsoft.com/office/drawing/2014/chart" uri="{C3380CC4-5D6E-409C-BE32-E72D297353CC}">
              <c16:uniqueId val="{00000008-7B02-44B1-B9B1-6DC0A50A407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873</c:v>
                </c:pt>
                <c:pt idx="5">
                  <c:v>3848</c:v>
                </c:pt>
                <c:pt idx="8">
                  <c:v>3968</c:v>
                </c:pt>
                <c:pt idx="11">
                  <c:v>4373</c:v>
                </c:pt>
                <c:pt idx="14">
                  <c:v>4341</c:v>
                </c:pt>
              </c:numCache>
            </c:numRef>
          </c:val>
          <c:extLst>
            <c:ext xmlns:c16="http://schemas.microsoft.com/office/drawing/2014/chart" uri="{C3380CC4-5D6E-409C-BE32-E72D297353CC}">
              <c16:uniqueId val="{00000000-C020-4F95-BC11-2F2B3666E2C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C020-4F95-BC11-2F2B3666E2C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993</c:v>
                </c:pt>
                <c:pt idx="5">
                  <c:v>1044</c:v>
                </c:pt>
                <c:pt idx="8">
                  <c:v>1518</c:v>
                </c:pt>
                <c:pt idx="11">
                  <c:v>2140</c:v>
                </c:pt>
                <c:pt idx="14">
                  <c:v>2561</c:v>
                </c:pt>
              </c:numCache>
            </c:numRef>
          </c:val>
          <c:extLst>
            <c:ext xmlns:c16="http://schemas.microsoft.com/office/drawing/2014/chart" uri="{C3380CC4-5D6E-409C-BE32-E72D297353CC}">
              <c16:uniqueId val="{00000002-C020-4F95-BC11-2F2B3666E2C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020-4F95-BC11-2F2B3666E2C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C020-4F95-BC11-2F2B3666E2C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020-4F95-BC11-2F2B3666E2C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012</c:v>
                </c:pt>
                <c:pt idx="3">
                  <c:v>1064</c:v>
                </c:pt>
                <c:pt idx="6">
                  <c:v>974</c:v>
                </c:pt>
                <c:pt idx="9">
                  <c:v>893</c:v>
                </c:pt>
                <c:pt idx="12">
                  <c:v>856</c:v>
                </c:pt>
              </c:numCache>
            </c:numRef>
          </c:val>
          <c:extLst>
            <c:ext xmlns:c16="http://schemas.microsoft.com/office/drawing/2014/chart" uri="{C3380CC4-5D6E-409C-BE32-E72D297353CC}">
              <c16:uniqueId val="{00000006-C020-4F95-BC11-2F2B3666E2C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C020-4F95-BC11-2F2B3666E2C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002</c:v>
                </c:pt>
                <c:pt idx="3">
                  <c:v>889</c:v>
                </c:pt>
                <c:pt idx="6">
                  <c:v>916</c:v>
                </c:pt>
                <c:pt idx="9">
                  <c:v>859</c:v>
                </c:pt>
                <c:pt idx="12">
                  <c:v>785</c:v>
                </c:pt>
              </c:numCache>
            </c:numRef>
          </c:val>
          <c:extLst>
            <c:ext xmlns:c16="http://schemas.microsoft.com/office/drawing/2014/chart" uri="{C3380CC4-5D6E-409C-BE32-E72D297353CC}">
              <c16:uniqueId val="{00000008-C020-4F95-BC11-2F2B3666E2C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44</c:v>
                </c:pt>
                <c:pt idx="3">
                  <c:v>139</c:v>
                </c:pt>
                <c:pt idx="6">
                  <c:v>135</c:v>
                </c:pt>
                <c:pt idx="9">
                  <c:v>131</c:v>
                </c:pt>
                <c:pt idx="12">
                  <c:v>126</c:v>
                </c:pt>
              </c:numCache>
            </c:numRef>
          </c:val>
          <c:extLst>
            <c:ext xmlns:c16="http://schemas.microsoft.com/office/drawing/2014/chart" uri="{C3380CC4-5D6E-409C-BE32-E72D297353CC}">
              <c16:uniqueId val="{00000009-C020-4F95-BC11-2F2B3666E2C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4285</c:v>
                </c:pt>
                <c:pt idx="3">
                  <c:v>4456</c:v>
                </c:pt>
                <c:pt idx="6">
                  <c:v>4790</c:v>
                </c:pt>
                <c:pt idx="9">
                  <c:v>5631</c:v>
                </c:pt>
                <c:pt idx="12">
                  <c:v>5604</c:v>
                </c:pt>
              </c:numCache>
            </c:numRef>
          </c:val>
          <c:extLst>
            <c:ext xmlns:c16="http://schemas.microsoft.com/office/drawing/2014/chart" uri="{C3380CC4-5D6E-409C-BE32-E72D297353CC}">
              <c16:uniqueId val="{0000000A-C020-4F95-BC11-2F2B3666E2CA}"/>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577</c:v>
                </c:pt>
                <c:pt idx="2">
                  <c:v>#N/A</c:v>
                </c:pt>
                <c:pt idx="3">
                  <c:v>#N/A</c:v>
                </c:pt>
                <c:pt idx="4">
                  <c:v>1656</c:v>
                </c:pt>
                <c:pt idx="5">
                  <c:v>#N/A</c:v>
                </c:pt>
                <c:pt idx="6">
                  <c:v>#N/A</c:v>
                </c:pt>
                <c:pt idx="7">
                  <c:v>1329</c:v>
                </c:pt>
                <c:pt idx="8">
                  <c:v>#N/A</c:v>
                </c:pt>
                <c:pt idx="9">
                  <c:v>#N/A</c:v>
                </c:pt>
                <c:pt idx="10">
                  <c:v>1001</c:v>
                </c:pt>
                <c:pt idx="11">
                  <c:v>#N/A</c:v>
                </c:pt>
                <c:pt idx="12">
                  <c:v>#N/A</c:v>
                </c:pt>
                <c:pt idx="13">
                  <c:v>469</c:v>
                </c:pt>
                <c:pt idx="14">
                  <c:v>#N/A</c:v>
                </c:pt>
              </c:numCache>
            </c:numRef>
          </c:val>
          <c:smooth val="0"/>
          <c:extLst>
            <c:ext xmlns:c16="http://schemas.microsoft.com/office/drawing/2014/chart" uri="{C3380CC4-5D6E-409C-BE32-E72D297353CC}">
              <c16:uniqueId val="{0000000B-C020-4F95-BC11-2F2B3666E2CA}"/>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741</c:v>
                </c:pt>
                <c:pt idx="1">
                  <c:v>1196</c:v>
                </c:pt>
                <c:pt idx="2">
                  <c:v>1496</c:v>
                </c:pt>
              </c:numCache>
            </c:numRef>
          </c:val>
          <c:extLst>
            <c:ext xmlns:c16="http://schemas.microsoft.com/office/drawing/2014/chart" uri="{C3380CC4-5D6E-409C-BE32-E72D297353CC}">
              <c16:uniqueId val="{00000000-0044-4AB6-A222-7235597D74C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c:v>
                </c:pt>
                <c:pt idx="1">
                  <c:v>1</c:v>
                </c:pt>
                <c:pt idx="2">
                  <c:v>1</c:v>
                </c:pt>
              </c:numCache>
            </c:numRef>
          </c:val>
          <c:extLst>
            <c:ext xmlns:c16="http://schemas.microsoft.com/office/drawing/2014/chart" uri="{C3380CC4-5D6E-409C-BE32-E72D297353CC}">
              <c16:uniqueId val="{00000001-0044-4AB6-A222-7235597D74C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90</c:v>
                </c:pt>
                <c:pt idx="1">
                  <c:v>397</c:v>
                </c:pt>
                <c:pt idx="2">
                  <c:v>498</c:v>
                </c:pt>
              </c:numCache>
            </c:numRef>
          </c:val>
          <c:extLst>
            <c:ext xmlns:c16="http://schemas.microsoft.com/office/drawing/2014/chart" uri="{C3380CC4-5D6E-409C-BE32-E72D297353CC}">
              <c16:uniqueId val="{00000002-0044-4AB6-A222-7235597D74CE}"/>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48D15A7-D751-4EBD-90CD-DDAE91DC6FB6}</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01A0-49DF-8065-8B80192B5CF2}"/>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A88C060-CE8C-465F-9F1A-ECFC6F4BAA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1A0-49DF-8065-8B80192B5CF2}"/>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ACE8A21-4372-459A-B09C-01CE10C5528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1A0-49DF-8065-8B80192B5CF2}"/>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19DA532-A3E5-4722-9E1A-A4B05A249CA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1A0-49DF-8065-8B80192B5CF2}"/>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228E7B2-E582-4F09-8A52-7973579CBB6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1A0-49DF-8065-8B80192B5CF2}"/>
                </c:ext>
              </c:extLst>
            </c:dLbl>
            <c:dLbl>
              <c:idx val="8"/>
              <c:tx>
                <c:strRef>
                  <c:f>公会計指標分析・財政指標組合せ分析表!$BX$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F85FA26-036B-4549-8D45-46060A5F2F97}</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01A0-49DF-8065-8B80192B5CF2}"/>
                </c:ext>
              </c:extLst>
            </c:dLbl>
            <c:dLbl>
              <c:idx val="16"/>
              <c:tx>
                <c:strRef>
                  <c:f>公会計指標分析・財政指標組合せ分析表!$CF$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6CE94DC-D5CD-4CDA-B58A-C55C0135DEDD}</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01A0-49DF-8065-8B80192B5CF2}"/>
                </c:ext>
              </c:extLst>
            </c:dLbl>
            <c:dLbl>
              <c:idx val="24"/>
              <c:tx>
                <c:strRef>
                  <c:f>公会計指標分析・財政指標組合せ分析表!$CN$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568E035-0B4C-4B13-91C5-6E1E114D661B}</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01A0-49DF-8065-8B80192B5CF2}"/>
                </c:ext>
              </c:extLst>
            </c:dLbl>
            <c:dLbl>
              <c:idx val="32"/>
              <c:tx>
                <c:strRef>
                  <c:f>公会計指標分析・財政指標組合せ分析表!$CV$50</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667AFF9-8034-469E-A82B-9D1512BD5DAD}</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01A0-49DF-8065-8B80192B5CF2}"/>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70</c:v>
                </c:pt>
                <c:pt idx="8">
                  <c:v>71.400000000000006</c:v>
                </c:pt>
                <c:pt idx="16">
                  <c:v>71.5</c:v>
                </c:pt>
                <c:pt idx="24">
                  <c:v>70.3</c:v>
                </c:pt>
                <c:pt idx="32">
                  <c:v>64.8</c:v>
                </c:pt>
              </c:numCache>
            </c:numRef>
          </c:xVal>
          <c:yVal>
            <c:numRef>
              <c:f>公会計指標分析・財政指標組合せ分析表!$BP$51:$DC$51</c:f>
              <c:numCache>
                <c:formatCode>#,##0.0;"▲ "#,##0.0</c:formatCode>
                <c:ptCount val="40"/>
                <c:pt idx="0">
                  <c:v>61.7</c:v>
                </c:pt>
                <c:pt idx="8">
                  <c:v>65.3</c:v>
                </c:pt>
                <c:pt idx="16">
                  <c:v>49.2</c:v>
                </c:pt>
                <c:pt idx="24">
                  <c:v>33.9</c:v>
                </c:pt>
                <c:pt idx="32">
                  <c:v>16.3</c:v>
                </c:pt>
              </c:numCache>
            </c:numRef>
          </c:yVal>
          <c:smooth val="0"/>
          <c:extLst>
            <c:ext xmlns:c16="http://schemas.microsoft.com/office/drawing/2014/chart" uri="{C3380CC4-5D6E-409C-BE32-E72D297353CC}">
              <c16:uniqueId val="{00000009-01A0-49DF-8065-8B80192B5CF2}"/>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54F87E0-B4E3-4DC8-BEE8-0E35B84ECE5F}</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01A0-49DF-8065-8B80192B5CF2}"/>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13B346B-BA60-4679-B3EE-1A0F5CB9718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1A0-49DF-8065-8B80192B5CF2}"/>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C5682D9-047B-436B-8EB6-7709BDBEB33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1A0-49DF-8065-8B80192B5CF2}"/>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CB69479-886F-47C7-90F6-061434A64E7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1A0-49DF-8065-8B80192B5CF2}"/>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BE35A46-F599-4D5E-8886-C2C3C87431D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1A0-49DF-8065-8B80192B5CF2}"/>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587E5BF-4F36-4583-B009-C543743BE001}</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01A0-49DF-8065-8B80192B5CF2}"/>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84254DF-94B8-453A-8A1C-1295EE6953E4}</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01A0-49DF-8065-8B80192B5CF2}"/>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D9BFD30-D66D-4574-8037-1CC26657206C}</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01A0-49DF-8065-8B80192B5CF2}"/>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BC4037-BF56-48A5-8955-8C71703AB9D5}</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01A0-49DF-8065-8B80192B5CF2}"/>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c:v>
                </c:pt>
                <c:pt idx="8">
                  <c:v>61.2</c:v>
                </c:pt>
                <c:pt idx="16">
                  <c:v>62</c:v>
                </c:pt>
                <c:pt idx="24">
                  <c:v>62.9</c:v>
                </c:pt>
                <c:pt idx="32">
                  <c:v>62.8</c:v>
                </c:pt>
              </c:numCache>
            </c:numRef>
          </c:xVal>
          <c:yVal>
            <c:numRef>
              <c:f>公会計指標分析・財政指標組合せ分析表!$BP$55:$DC$55</c:f>
              <c:numCache>
                <c:formatCode>#,##0.0;"▲ "#,##0.0</c:formatCode>
                <c:ptCount val="40"/>
                <c:pt idx="0">
                  <c:v>0</c:v>
                </c:pt>
                <c:pt idx="8">
                  <c:v>3.1</c:v>
                </c:pt>
                <c:pt idx="16">
                  <c:v>13.7</c:v>
                </c:pt>
                <c:pt idx="24">
                  <c:v>6.9</c:v>
                </c:pt>
                <c:pt idx="32">
                  <c:v>0</c:v>
                </c:pt>
              </c:numCache>
            </c:numRef>
          </c:yVal>
          <c:smooth val="0"/>
          <c:extLst>
            <c:ext xmlns:c16="http://schemas.microsoft.com/office/drawing/2014/chart" uri="{C3380CC4-5D6E-409C-BE32-E72D297353CC}">
              <c16:uniqueId val="{00000013-01A0-49DF-8065-8B80192B5CF2}"/>
            </c:ext>
          </c:extLst>
        </c:ser>
        <c:dLbls>
          <c:showLegendKey val="0"/>
          <c:showVal val="1"/>
          <c:showCatName val="0"/>
          <c:showSerName val="0"/>
          <c:showPercent val="0"/>
          <c:showBubbleSize val="0"/>
        </c:dLbls>
        <c:axId val="46179840"/>
        <c:axId val="46181760"/>
      </c:scatterChart>
      <c:valAx>
        <c:axId val="46179840"/>
        <c:scaling>
          <c:orientation val="maxMin"/>
          <c:max val="8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3C2B44E-B904-47ED-98AA-2F1B4A21CDF5}</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D85A-42D3-AC70-E728656F8BE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F77F66-69F2-4F57-BF0D-928B30DDFF8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85A-42D3-AC70-E728656F8BE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A792C47-49C6-4002-9B8F-376E223D6B6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85A-42D3-AC70-E728656F8BE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C8B782-BEAF-4352-B219-9B94F0D592A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85A-42D3-AC70-E728656F8BE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E3C42CF-BCCD-4420-9F57-81091F64E5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85A-42D3-AC70-E728656F8BE1}"/>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0E8FE2E-FBF1-4EAA-B54B-590EEBC8F786}</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D85A-42D3-AC70-E728656F8BE1}"/>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BC2F452-BA7B-41AD-ABDC-3C234485E5AE}</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D85A-42D3-AC70-E728656F8BE1}"/>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6D9D92C-82BE-415D-A4E8-585BCCE92476}</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D85A-42D3-AC70-E728656F8BE1}"/>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3B0E093-D743-4A54-BF8F-D11558D17736}</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D85A-42D3-AC70-E728656F8BE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6</c:v>
                </c:pt>
                <c:pt idx="8">
                  <c:v>5.3</c:v>
                </c:pt>
                <c:pt idx="16">
                  <c:v>5.5</c:v>
                </c:pt>
                <c:pt idx="24">
                  <c:v>5.7</c:v>
                </c:pt>
                <c:pt idx="32">
                  <c:v>6.1</c:v>
                </c:pt>
              </c:numCache>
            </c:numRef>
          </c:xVal>
          <c:yVal>
            <c:numRef>
              <c:f>公会計指標分析・財政指標組合せ分析表!$BP$73:$DC$73</c:f>
              <c:numCache>
                <c:formatCode>#,##0.0;"▲ "#,##0.0</c:formatCode>
                <c:ptCount val="40"/>
                <c:pt idx="0">
                  <c:v>61.7</c:v>
                </c:pt>
                <c:pt idx="8">
                  <c:v>65.3</c:v>
                </c:pt>
                <c:pt idx="16">
                  <c:v>49.2</c:v>
                </c:pt>
                <c:pt idx="24">
                  <c:v>33.9</c:v>
                </c:pt>
                <c:pt idx="32">
                  <c:v>16.3</c:v>
                </c:pt>
              </c:numCache>
            </c:numRef>
          </c:yVal>
          <c:smooth val="0"/>
          <c:extLst>
            <c:ext xmlns:c16="http://schemas.microsoft.com/office/drawing/2014/chart" uri="{C3380CC4-5D6E-409C-BE32-E72D297353CC}">
              <c16:uniqueId val="{00000009-D85A-42D3-AC70-E728656F8BE1}"/>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7.9166001669969191E-3"/>
                </c:manualLayout>
              </c:layout>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FC60A39F-720E-4299-B41B-EDC52C2F03E1}</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D85A-42D3-AC70-E728656F8BE1}"/>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B1AD222F-9DFC-40C9-9B45-A66974C5B45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85A-42D3-AC70-E728656F8BE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7173B92-3692-4452-AC35-149316FA3F8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85A-42D3-AC70-E728656F8BE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4B06073-28F8-4C35-8607-C35D9A6B9F9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85A-42D3-AC70-E728656F8BE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864BEBD-E0D9-4677-BE4F-0BECD4C80EC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85A-42D3-AC70-E728656F8BE1}"/>
                </c:ext>
              </c:extLst>
            </c:dLbl>
            <c:dLbl>
              <c:idx val="8"/>
              <c:layout>
                <c:manualLayout>
                  <c:x val="0"/>
                  <c:y val="4.472202681403678E-3"/>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E39B10C-88F9-4D8D-BEFC-D9E21FB8E3EB}</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D85A-42D3-AC70-E728656F8BE1}"/>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DFB5EF0-24F5-4DA4-8900-B3D3ED3A6A08}</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D85A-42D3-AC70-E728656F8BE1}"/>
                </c:ext>
              </c:extLst>
            </c:dLbl>
            <c:dLbl>
              <c:idx val="24"/>
              <c:layout>
                <c:manualLayout>
                  <c:x val="0"/>
                  <c:y val="1.2660909222299737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FC0E733-8889-416A-AE59-212BBC70E04C}</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D85A-42D3-AC70-E728656F8BE1}"/>
                </c:ext>
              </c:extLst>
            </c:dLbl>
            <c:dLbl>
              <c:idx val="32"/>
              <c:layout>
                <c:manualLayout>
                  <c:x val="0"/>
                  <c:y val="-9.215998005352416E-3"/>
                </c:manualLayout>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391CEC6-647A-4F11-A13B-712C3E696253}</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D85A-42D3-AC70-E728656F8BE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8</c:v>
                </c:pt>
                <c:pt idx="8">
                  <c:v>7.9</c:v>
                </c:pt>
                <c:pt idx="16">
                  <c:v>7.9</c:v>
                </c:pt>
                <c:pt idx="24">
                  <c:v>8</c:v>
                </c:pt>
                <c:pt idx="32">
                  <c:v>8</c:v>
                </c:pt>
              </c:numCache>
            </c:numRef>
          </c:xVal>
          <c:yVal>
            <c:numRef>
              <c:f>公会計指標分析・財政指標組合せ分析表!$BP$77:$DC$77</c:f>
              <c:numCache>
                <c:formatCode>#,##0.0;"▲ "#,##0.0</c:formatCode>
                <c:ptCount val="40"/>
                <c:pt idx="0">
                  <c:v>0</c:v>
                </c:pt>
                <c:pt idx="8">
                  <c:v>3.1</c:v>
                </c:pt>
                <c:pt idx="16">
                  <c:v>13.7</c:v>
                </c:pt>
                <c:pt idx="24">
                  <c:v>6.9</c:v>
                </c:pt>
                <c:pt idx="32">
                  <c:v>0</c:v>
                </c:pt>
              </c:numCache>
            </c:numRef>
          </c:yVal>
          <c:smooth val="0"/>
          <c:extLst>
            <c:ext xmlns:c16="http://schemas.microsoft.com/office/drawing/2014/chart" uri="{C3380CC4-5D6E-409C-BE32-E72D297353CC}">
              <c16:uniqueId val="{00000013-D85A-42D3-AC70-E728656F8BE1}"/>
            </c:ext>
          </c:extLst>
        </c:ser>
        <c:dLbls>
          <c:showLegendKey val="0"/>
          <c:showVal val="1"/>
          <c:showCatName val="0"/>
          <c:showSerName val="0"/>
          <c:showPercent val="0"/>
          <c:showBubbleSize val="0"/>
        </c:dLbls>
        <c:axId val="84219776"/>
        <c:axId val="84234240"/>
      </c:scatterChart>
      <c:valAx>
        <c:axId val="84219776"/>
        <c:scaling>
          <c:orientation val="maxMin"/>
          <c:max val="9"/>
          <c:min val="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元利償還金については平成</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27</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年度までは減少傾向であったが、その後は増加に転じ、上昇傾向にある。今後も増加傾向は続くとみられるため、地方債の新規借入にあたっては計画的な対応が必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一方、下水道事業債等の償還が進んだことに伴い、公営企業地方債償還財源充当繰入金は減少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令和４年度は、令和元年度防災行政無線デジタル化事業債の元金償還が開始したこと等により元利償還金の増加が大きく、実質公債費比率の分子の額は増となっ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満期一括償還地方債は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平成</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0</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年度から一般会計等に係る地方債現在高の増加及び債務負担行為に基づく支出予定額の新規計上により、将来負担比率の分子は増加に転じた。令和２年度以降は、財政調整基金等の積立による充当可能基金が増加しているため、分子は減少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今後、公営企業債等繰入見込額は減少が想定され、一般会計等に係る地方債の現在高は令和３年度をピークに徐々に減少していく見込みである。しかし、地方債現在高は直近５年間で約</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14</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億円弱も増加しているため、地方債の新規借入にあたっては計画的な対応が必要で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松田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基金全体で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40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では、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30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公共施設等整備基金では、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6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大型事業を複数、計画している中で、基金の使途が明確なその他特定目的基金への積立て・取崩しを行っていく</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は経常経費の削減に努め、老朽化した町有施設・広域施設の更新等に備えて積み立てを行ってきたが、今後数年間で広域施設の更新が開始されていくため、取崩しを行い、財源不足を補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基金の使途）</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新松田駅周辺整備基金：新松田駅周辺の整備に充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公共施設等整備基金：公共施設等の改修、その他整備等に充てる</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教育施設整備基金：教育施設の整備に充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町営住宅基金：町屋住宅の修繕又は改良等に充てる</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体育振興基金：町民の体育振興と体育意識の高揚に要する経費に充てる</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施設等整備基金、新松田駅周辺整備基金、松田町町営住宅基金へ新たに積立を行い、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55</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教育施設整備基金で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59</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取崩しにより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59</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減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新松田駅周辺整備基金：計画的に積立て取崩しを行っ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施設等整備基金：公共施設の老朽化が進んでいるため、建替等の更新整備等に向けて、計画的に積立て取崩しを行っ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教育施設整備基金：教育施設の整備、更新が進む中で、計画的に積立て取崩しを行っていく</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で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30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積立てにより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496</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は経常経費の削減に努め、老朽化した町有施設・広域施設の更新等に備えて積み立てを行ってきたが、今後数年間で広域施設の更新が開始されていくため、取崩しを行い、財源不足を補っていく</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前記の取崩しにより、基金残高の大幅な減少が見込まれるため、今後も経費の削減に努め、不測の事態に備えられるように、財源に余裕がでた場合は積立て、必要な残高を確保していく</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変更なし</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満期一括償還を利用していないため、今後の変動を想定していないが、令和５年度普通交付税における令和６・７年度分臨時財政対策債償還費の前倒し交付額の積立・取崩を今後行う</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2A0821-851F-4B60-8714-2B0474067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8A045F81-07FE-445B-BCB9-ACCBF6211B0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4B7FBF9D-2A9F-459A-92BA-6C1EAA479B2F}"/>
            </a:ext>
          </a:extLst>
        </xdr:cNvPr>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12D124F1-C701-4528-8635-B35E3E8A9E9B}"/>
            </a:ext>
          </a:extLst>
        </xdr:cNvPr>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0D21F17D-F2C6-4975-AD59-301BDCBA026B}"/>
            </a:ext>
          </a:extLst>
        </xdr:cNvPr>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76078E27-B248-455B-A591-394A9849130F}"/>
            </a:ext>
          </a:extLst>
        </xdr:cNvPr>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F6A1B04C-E8A6-4C7D-A3E8-D976BEA9B4BE}"/>
            </a:ext>
          </a:extLst>
        </xdr:cNvPr>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98695C6C-AC12-4B75-980C-C3619D2AA4A3}"/>
            </a:ext>
          </a:extLst>
        </xdr:cNvPr>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0AD63CC8-D079-4475-9B2E-C85566EF291B}"/>
            </a:ext>
          </a:extLst>
        </xdr:cNvPr>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772C5941-C6A6-4FBB-95E5-671CD00EC890}"/>
            </a:ext>
          </a:extLst>
        </xdr:cNvPr>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1615B1E8-34E9-4E68-BDA7-583108CEF26B}"/>
            </a:ext>
          </a:extLst>
        </xdr:cNvPr>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C66F3855-495E-4DA1-BE69-1064C727830F}"/>
            </a:ext>
          </a:extLst>
        </xdr:cNvPr>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F835F73B-A731-4285-B7B7-7F2A78185F65}"/>
            </a:ext>
          </a:extLst>
        </xdr:cNvPr>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9F32F072-3327-402A-912A-6422CF09BAD4}"/>
            </a:ext>
          </a:extLst>
        </xdr:cNvPr>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74305404-3B2D-41EB-9D35-1BB5823B6714}"/>
            </a:ext>
          </a:extLst>
        </xdr:cNvPr>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71A7DEF9-6E5D-4105-BE32-90AC826AB4DB}"/>
            </a:ext>
          </a:extLst>
        </xdr:cNvPr>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E34CC15C-5E0D-4C9C-9A9B-93AEC856A906}"/>
            </a:ext>
          </a:extLst>
        </xdr:cNvPr>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DC862DC4-8949-46F4-B5EB-35C7ABC9D24A}"/>
            </a:ext>
          </a:extLst>
        </xdr:cNvPr>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DC25460A-B82D-4985-93F7-CB171919AFD4}"/>
            </a:ext>
          </a:extLst>
        </xdr:cNvPr>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121A8490-8618-4ECF-921E-9E5202AA8411}"/>
            </a:ext>
          </a:extLst>
        </xdr:cNvPr>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0CFF4806-677D-4AEF-AD81-0A5D6D311A99}"/>
            </a:ext>
          </a:extLst>
        </xdr:cNvPr>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B730F515-493D-4EDE-ACF5-F73164B5F730}"/>
            </a:ext>
          </a:extLst>
        </xdr:cNvPr>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3D92BB6D-7208-4DFB-A6DD-066A5A61817B}"/>
            </a:ext>
          </a:extLst>
        </xdr:cNvPr>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587EF866-597E-4C62-AB16-B50C0195C310}"/>
            </a:ext>
          </a:extLst>
        </xdr:cNvPr>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CC95D867-78D4-4782-9574-FA3FA7DAEA66}"/>
            </a:ext>
          </a:extLst>
        </xdr:cNvPr>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655F0E18-C69C-4316-8F39-A24A32639C9D}"/>
            </a:ext>
          </a:extLst>
        </xdr:cNvPr>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F6E01579-B908-4444-89AA-3D6C190B9382}"/>
            </a:ext>
          </a:extLst>
        </xdr:cNvPr>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F635885D-6854-4F45-AB7B-34AFB165C91E}"/>
            </a:ext>
          </a:extLst>
        </xdr:cNvPr>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0F5990EF-94A8-489A-89A9-0E5497037062}"/>
            </a:ext>
          </a:extLst>
        </xdr:cNvPr>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9756FAFE-FFB7-4560-BD78-855F6C00C15D}"/>
            </a:ext>
          </a:extLst>
        </xdr:cNvPr>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F4435CDB-48CD-4493-8945-04BDB2A7F7DE}"/>
            </a:ext>
          </a:extLst>
        </xdr:cNvPr>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A561DB79-67E1-4392-B443-01D71A82292D}"/>
            </a:ext>
          </a:extLst>
        </xdr:cNvPr>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7DF07F71-07F6-45DD-BEA8-A5331D63CCFB}"/>
            </a:ext>
          </a:extLst>
        </xdr:cNvPr>
        <xdr:cNvSpPr txBox="1"/>
      </xdr:nvSpPr>
      <xdr:spPr>
        <a:xfrm>
          <a:off x="419100" y="343344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2FCBFDF5-9033-40B8-A8B7-A2DA039A4AE4}"/>
            </a:ext>
          </a:extLst>
        </xdr:cNvPr>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EF3AADBB-2FA2-4B70-B5BF-AD197B1BC582}"/>
            </a:ext>
          </a:extLst>
        </xdr:cNvPr>
        <xdr:cNvSpPr/>
      </xdr:nvSpPr>
      <xdr:spPr>
        <a:xfrm>
          <a:off x="1127125" y="4180205"/>
          <a:ext cx="373888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2AA967EB-A828-473F-95EA-440093D0CA5E}"/>
            </a:ext>
          </a:extLst>
        </xdr:cNvPr>
        <xdr:cNvSpPr/>
      </xdr:nvSpPr>
      <xdr:spPr>
        <a:xfrm>
          <a:off x="1774684" y="453891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788FE43B-C191-4C1A-8FF6-2BD28F55423E}"/>
            </a:ext>
          </a:extLst>
        </xdr:cNvPr>
        <xdr:cNvSpPr/>
      </xdr:nvSpPr>
      <xdr:spPr>
        <a:xfrm>
          <a:off x="3387084" y="452224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4.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EEF91AB0-6C61-49D7-8783-161E2A38AA88}"/>
            </a:ext>
          </a:extLst>
        </xdr:cNvPr>
        <xdr:cNvSpPr/>
      </xdr:nvSpPr>
      <xdr:spPr>
        <a:xfrm>
          <a:off x="48152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24EC114A-3C0E-4627-8F3A-BFA601E7F29B}"/>
            </a:ext>
          </a:extLst>
        </xdr:cNvPr>
        <xdr:cNvSpPr/>
      </xdr:nvSpPr>
      <xdr:spPr>
        <a:xfrm>
          <a:off x="48152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3CE74D04-F1D0-4508-9F61-B30AD8CEF902}"/>
            </a:ext>
          </a:extLst>
        </xdr:cNvPr>
        <xdr:cNvSpPr/>
      </xdr:nvSpPr>
      <xdr:spPr>
        <a:xfrm>
          <a:off x="615632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EA6D9D00-9BE2-48E6-86A0-AD28556A1EB6}"/>
            </a:ext>
          </a:extLst>
        </xdr:cNvPr>
        <xdr:cNvSpPr/>
      </xdr:nvSpPr>
      <xdr:spPr>
        <a:xfrm>
          <a:off x="615632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842DF374-AC75-44BE-8B9B-F395FDCE4DAF}"/>
            </a:ext>
          </a:extLst>
        </xdr:cNvPr>
        <xdr:cNvSpPr/>
      </xdr:nvSpPr>
      <xdr:spPr>
        <a:xfrm>
          <a:off x="762444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FCAFB895-D7C4-46B5-B7D8-B1C6A6E58A08}"/>
            </a:ext>
          </a:extLst>
        </xdr:cNvPr>
        <xdr:cNvSpPr/>
      </xdr:nvSpPr>
      <xdr:spPr>
        <a:xfrm>
          <a:off x="762444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ED7E0D18-6426-419E-B52C-A4C25A5FB598}"/>
            </a:ext>
          </a:extLst>
        </xdr:cNvPr>
        <xdr:cNvSpPr/>
      </xdr:nvSpPr>
      <xdr:spPr>
        <a:xfrm>
          <a:off x="1127125" y="485965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E3568994-4881-4BE1-BFC6-36AE0876A033}"/>
            </a:ext>
          </a:extLst>
        </xdr:cNvPr>
        <xdr:cNvSpPr/>
      </xdr:nvSpPr>
      <xdr:spPr>
        <a:xfrm>
          <a:off x="510984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46375B98-F9ED-4D8A-A19D-B14E543A3175}"/>
            </a:ext>
          </a:extLst>
        </xdr:cNvPr>
        <xdr:cNvSpPr/>
      </xdr:nvSpPr>
      <xdr:spPr>
        <a:xfrm>
          <a:off x="510984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F28F81AF-366F-414D-9DCA-E5051A20EE7C}"/>
            </a:ext>
          </a:extLst>
        </xdr:cNvPr>
        <xdr:cNvSpPr txBox="1"/>
      </xdr:nvSpPr>
      <xdr:spPr>
        <a:xfrm>
          <a:off x="516318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神奈川県平均、</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類似団体</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比較しても有形固定資産の減価償却率は高い値であり、資産の老朽化が進んでいるのがわか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令和４年度に完了した松田小学校整備事業の影響により前年度比</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5</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減となったが、依然として高い値である。</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当町では、公共施設総合管理計画を定めており、令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策定した個別施設計画と併せて施設の適切な更新を進めていく必要がある。</a:t>
          </a:r>
          <a:endParaRPr lang="ja-JP" altLang="ja-JP">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DEDA239A-7A53-40E2-B25B-D8C383AAAD66}"/>
            </a:ext>
          </a:extLst>
        </xdr:cNvPr>
        <xdr:cNvSpPr txBox="1"/>
      </xdr:nvSpPr>
      <xdr:spPr>
        <a:xfrm>
          <a:off x="110426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81178990-FD0E-4A2E-B948-C2055870A02D}"/>
            </a:ext>
          </a:extLst>
        </xdr:cNvPr>
        <xdr:cNvCxnSpPr/>
      </xdr:nvCxnSpPr>
      <xdr:spPr>
        <a:xfrm>
          <a:off x="1127125" y="697293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16CB6BC3-161C-4B93-8C7A-8C9D4009B225}"/>
            </a:ext>
          </a:extLst>
        </xdr:cNvPr>
        <xdr:cNvSpPr txBox="1"/>
      </xdr:nvSpPr>
      <xdr:spPr>
        <a:xfrm>
          <a:off x="721516" y="687913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A2360225-267D-4AF4-B15B-84BE60573EA8}"/>
            </a:ext>
          </a:extLst>
        </xdr:cNvPr>
        <xdr:cNvCxnSpPr/>
      </xdr:nvCxnSpPr>
      <xdr:spPr>
        <a:xfrm>
          <a:off x="1127125" y="662072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4</xdr:row>
      <xdr:rowOff>57541</xdr:rowOff>
    </xdr:from>
    <xdr:ext cx="410689" cy="225703"/>
    <xdr:sp macro="" textlink="">
      <xdr:nvSpPr>
        <xdr:cNvPr id="53" name="テキスト ボックス 52">
          <a:extLst>
            <a:ext uri="{FF2B5EF4-FFF2-40B4-BE49-F238E27FC236}">
              <a16:creationId xmlns:a16="http://schemas.microsoft.com/office/drawing/2014/main" id="{B4C52D00-30F0-4069-ADFD-E0BB784884A1}"/>
            </a:ext>
          </a:extLst>
        </xdr:cNvPr>
        <xdr:cNvSpPr txBox="1"/>
      </xdr:nvSpPr>
      <xdr:spPr>
        <a:xfrm>
          <a:off x="721516" y="652692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15A209F8-6371-4BF9-868E-222D7D5B9489}"/>
            </a:ext>
          </a:extLst>
        </xdr:cNvPr>
        <xdr:cNvCxnSpPr/>
      </xdr:nvCxnSpPr>
      <xdr:spPr>
        <a:xfrm>
          <a:off x="1127125" y="626850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03C11A2D-4F21-4BC0-856F-3CA582E7A7EB}"/>
            </a:ext>
          </a:extLst>
        </xdr:cNvPr>
        <xdr:cNvSpPr txBox="1"/>
      </xdr:nvSpPr>
      <xdr:spPr>
        <a:xfrm>
          <a:off x="772811" y="61747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6B0FCC6A-D78C-4D8B-9E01-5EBDDFE40BBC}"/>
            </a:ext>
          </a:extLst>
        </xdr:cNvPr>
        <xdr:cNvCxnSpPr/>
      </xdr:nvCxnSpPr>
      <xdr:spPr>
        <a:xfrm>
          <a:off x="1127125" y="59162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CF7E03C8-0BD0-4F16-A102-0131A781111C}"/>
            </a:ext>
          </a:extLst>
        </xdr:cNvPr>
        <xdr:cNvSpPr txBox="1"/>
      </xdr:nvSpPr>
      <xdr:spPr>
        <a:xfrm>
          <a:off x="772811" y="582249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8473AEA5-C909-45C1-9CB7-BED93EE54732}"/>
            </a:ext>
          </a:extLst>
        </xdr:cNvPr>
        <xdr:cNvCxnSpPr/>
      </xdr:nvCxnSpPr>
      <xdr:spPr>
        <a:xfrm>
          <a:off x="1127125" y="556408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077E3558-F19B-4FF5-9CB4-69939F444FFF}"/>
            </a:ext>
          </a:extLst>
        </xdr:cNvPr>
        <xdr:cNvSpPr txBox="1"/>
      </xdr:nvSpPr>
      <xdr:spPr>
        <a:xfrm>
          <a:off x="772811" y="547028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6092EDAA-6084-4431-8B6C-5275448D8FF8}"/>
            </a:ext>
          </a:extLst>
        </xdr:cNvPr>
        <xdr:cNvCxnSpPr/>
      </xdr:nvCxnSpPr>
      <xdr:spPr>
        <a:xfrm>
          <a:off x="1127125" y="52118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80720F35-6DE8-43E9-9931-3B93D3DC88C4}"/>
            </a:ext>
          </a:extLst>
        </xdr:cNvPr>
        <xdr:cNvSpPr txBox="1"/>
      </xdr:nvSpPr>
      <xdr:spPr>
        <a:xfrm>
          <a:off x="772811" y="51218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3FC01E7F-33ED-4D30-9FC6-398C3FDD8202}"/>
            </a:ext>
          </a:extLst>
        </xdr:cNvPr>
        <xdr:cNvCxnSpPr/>
      </xdr:nvCxnSpPr>
      <xdr:spPr>
        <a:xfrm>
          <a:off x="1127125" y="485965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31628</xdr:colOff>
      <xdr:row>23</xdr:row>
      <xdr:rowOff>144324</xdr:rowOff>
    </xdr:from>
    <xdr:ext cx="308097" cy="225703"/>
    <xdr:sp macro="" textlink="">
      <xdr:nvSpPr>
        <xdr:cNvPr id="63" name="テキスト ボックス 62">
          <a:extLst>
            <a:ext uri="{FF2B5EF4-FFF2-40B4-BE49-F238E27FC236}">
              <a16:creationId xmlns:a16="http://schemas.microsoft.com/office/drawing/2014/main" id="{81EB75A8-EBB3-4BAE-82FD-69CEB85DF32D}"/>
            </a:ext>
          </a:extLst>
        </xdr:cNvPr>
        <xdr:cNvSpPr txBox="1"/>
      </xdr:nvSpPr>
      <xdr:spPr>
        <a:xfrm>
          <a:off x="801248" y="476966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07235B80-722B-46ED-8B8D-2708D896C6BF}"/>
            </a:ext>
          </a:extLst>
        </xdr:cNvPr>
        <xdr:cNvSpPr/>
      </xdr:nvSpPr>
      <xdr:spPr>
        <a:xfrm>
          <a:off x="1127125" y="485965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22661</xdr:rowOff>
    </xdr:from>
    <xdr:to>
      <xdr:col>23</xdr:col>
      <xdr:colOff>85090</xdr:colOff>
      <xdr:row>33</xdr:row>
      <xdr:rowOff>61913</xdr:rowOff>
    </xdr:to>
    <xdr:cxnSp macro="">
      <xdr:nvCxnSpPr>
        <xdr:cNvPr id="65" name="直線コネクタ 64">
          <a:extLst>
            <a:ext uri="{FF2B5EF4-FFF2-40B4-BE49-F238E27FC236}">
              <a16:creationId xmlns:a16="http://schemas.microsoft.com/office/drawing/2014/main" id="{E85350D0-BF34-4462-9F8A-0582542C1B2C}"/>
            </a:ext>
          </a:extLst>
        </xdr:cNvPr>
        <xdr:cNvCxnSpPr/>
      </xdr:nvCxnSpPr>
      <xdr:spPr>
        <a:xfrm flipV="1">
          <a:off x="4206240" y="5418561"/>
          <a:ext cx="1270" cy="9450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65740</xdr:rowOff>
    </xdr:from>
    <xdr:ext cx="405111" cy="259045"/>
    <xdr:sp macro="" textlink="">
      <xdr:nvSpPr>
        <xdr:cNvPr id="66" name="有形固定資産減価償却率最小値テキスト">
          <a:extLst>
            <a:ext uri="{FF2B5EF4-FFF2-40B4-BE49-F238E27FC236}">
              <a16:creationId xmlns:a16="http://schemas.microsoft.com/office/drawing/2014/main" id="{182C8A3C-C547-4960-9CAD-26C1FE24E2DA}"/>
            </a:ext>
          </a:extLst>
        </xdr:cNvPr>
        <xdr:cNvSpPr txBox="1"/>
      </xdr:nvSpPr>
      <xdr:spPr>
        <a:xfrm>
          <a:off x="4258945" y="6367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61913</xdr:rowOff>
    </xdr:from>
    <xdr:to>
      <xdr:col>23</xdr:col>
      <xdr:colOff>174625</xdr:colOff>
      <xdr:row>33</xdr:row>
      <xdr:rowOff>61913</xdr:rowOff>
    </xdr:to>
    <xdr:cxnSp macro="">
      <xdr:nvCxnSpPr>
        <xdr:cNvPr id="67" name="直線コネクタ 66">
          <a:extLst>
            <a:ext uri="{FF2B5EF4-FFF2-40B4-BE49-F238E27FC236}">
              <a16:creationId xmlns:a16="http://schemas.microsoft.com/office/drawing/2014/main" id="{EB2A9CD6-3B8C-4E19-8343-AEDD4E901BD7}"/>
            </a:ext>
          </a:extLst>
        </xdr:cNvPr>
        <xdr:cNvCxnSpPr/>
      </xdr:nvCxnSpPr>
      <xdr:spPr>
        <a:xfrm>
          <a:off x="4119245" y="6363653"/>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69338</xdr:rowOff>
    </xdr:from>
    <xdr:ext cx="405111" cy="259045"/>
    <xdr:sp macro="" textlink="">
      <xdr:nvSpPr>
        <xdr:cNvPr id="68" name="有形固定資産減価償却率最大値テキスト">
          <a:extLst>
            <a:ext uri="{FF2B5EF4-FFF2-40B4-BE49-F238E27FC236}">
              <a16:creationId xmlns:a16="http://schemas.microsoft.com/office/drawing/2014/main" id="{89C53B47-EAE7-4A12-9597-9D0D8240BF8D}"/>
            </a:ext>
          </a:extLst>
        </xdr:cNvPr>
        <xdr:cNvSpPr txBox="1"/>
      </xdr:nvSpPr>
      <xdr:spPr>
        <a:xfrm>
          <a:off x="4258945" y="5197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22661</xdr:rowOff>
    </xdr:from>
    <xdr:to>
      <xdr:col>23</xdr:col>
      <xdr:colOff>174625</xdr:colOff>
      <xdr:row>27</xdr:row>
      <xdr:rowOff>122661</xdr:rowOff>
    </xdr:to>
    <xdr:cxnSp macro="">
      <xdr:nvCxnSpPr>
        <xdr:cNvPr id="69" name="直線コネクタ 68">
          <a:extLst>
            <a:ext uri="{FF2B5EF4-FFF2-40B4-BE49-F238E27FC236}">
              <a16:creationId xmlns:a16="http://schemas.microsoft.com/office/drawing/2014/main" id="{27AFE6F7-EAF4-4616-8570-59682E1B0C88}"/>
            </a:ext>
          </a:extLst>
        </xdr:cNvPr>
        <xdr:cNvCxnSpPr/>
      </xdr:nvCxnSpPr>
      <xdr:spPr>
        <a:xfrm>
          <a:off x="4119245" y="5418561"/>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9929</xdr:rowOff>
    </xdr:from>
    <xdr:ext cx="405111" cy="259045"/>
    <xdr:sp macro="" textlink="">
      <xdr:nvSpPr>
        <xdr:cNvPr id="70" name="有形固定資産減価償却率平均値テキスト">
          <a:extLst>
            <a:ext uri="{FF2B5EF4-FFF2-40B4-BE49-F238E27FC236}">
              <a16:creationId xmlns:a16="http://schemas.microsoft.com/office/drawing/2014/main" id="{AA3CE638-49DA-4E09-B87D-AD745C01961A}"/>
            </a:ext>
          </a:extLst>
        </xdr:cNvPr>
        <xdr:cNvSpPr txBox="1"/>
      </xdr:nvSpPr>
      <xdr:spPr>
        <a:xfrm>
          <a:off x="4258945" y="57711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17052</xdr:rowOff>
    </xdr:from>
    <xdr:to>
      <xdr:col>23</xdr:col>
      <xdr:colOff>136525</xdr:colOff>
      <xdr:row>31</xdr:row>
      <xdr:rowOff>47202</xdr:rowOff>
    </xdr:to>
    <xdr:sp macro="" textlink="">
      <xdr:nvSpPr>
        <xdr:cNvPr id="71" name="フローチャート: 判断 70">
          <a:extLst>
            <a:ext uri="{FF2B5EF4-FFF2-40B4-BE49-F238E27FC236}">
              <a16:creationId xmlns:a16="http://schemas.microsoft.com/office/drawing/2014/main" id="{DFAC09E4-5A93-4527-892D-CAC254E5D34D}"/>
            </a:ext>
          </a:extLst>
        </xdr:cNvPr>
        <xdr:cNvSpPr/>
      </xdr:nvSpPr>
      <xdr:spPr>
        <a:xfrm>
          <a:off x="4157345" y="59158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18851</xdr:rowOff>
    </xdr:from>
    <xdr:to>
      <xdr:col>19</xdr:col>
      <xdr:colOff>187325</xdr:colOff>
      <xdr:row>31</xdr:row>
      <xdr:rowOff>49001</xdr:rowOff>
    </xdr:to>
    <xdr:sp macro="" textlink="">
      <xdr:nvSpPr>
        <xdr:cNvPr id="72" name="フローチャート: 判断 71">
          <a:extLst>
            <a:ext uri="{FF2B5EF4-FFF2-40B4-BE49-F238E27FC236}">
              <a16:creationId xmlns:a16="http://schemas.microsoft.com/office/drawing/2014/main" id="{DAE13361-ACA2-43DB-98A7-487EE6B8E463}"/>
            </a:ext>
          </a:extLst>
        </xdr:cNvPr>
        <xdr:cNvSpPr/>
      </xdr:nvSpPr>
      <xdr:spPr>
        <a:xfrm>
          <a:off x="3537585" y="591767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2658</xdr:rowOff>
    </xdr:from>
    <xdr:to>
      <xdr:col>15</xdr:col>
      <xdr:colOff>187325</xdr:colOff>
      <xdr:row>31</xdr:row>
      <xdr:rowOff>32808</xdr:rowOff>
    </xdr:to>
    <xdr:sp macro="" textlink="">
      <xdr:nvSpPr>
        <xdr:cNvPr id="73" name="フローチャート: 判断 72">
          <a:extLst>
            <a:ext uri="{FF2B5EF4-FFF2-40B4-BE49-F238E27FC236}">
              <a16:creationId xmlns:a16="http://schemas.microsoft.com/office/drawing/2014/main" id="{4BB4B785-D50B-47C8-A8B3-D086D034BC56}"/>
            </a:ext>
          </a:extLst>
        </xdr:cNvPr>
        <xdr:cNvSpPr/>
      </xdr:nvSpPr>
      <xdr:spPr>
        <a:xfrm>
          <a:off x="2867025" y="590147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88265</xdr:rowOff>
    </xdr:from>
    <xdr:to>
      <xdr:col>11</xdr:col>
      <xdr:colOff>187325</xdr:colOff>
      <xdr:row>31</xdr:row>
      <xdr:rowOff>18415</xdr:rowOff>
    </xdr:to>
    <xdr:sp macro="" textlink="">
      <xdr:nvSpPr>
        <xdr:cNvPr id="74" name="フローチャート: 判断 73">
          <a:extLst>
            <a:ext uri="{FF2B5EF4-FFF2-40B4-BE49-F238E27FC236}">
              <a16:creationId xmlns:a16="http://schemas.microsoft.com/office/drawing/2014/main" id="{2F8C25F8-DC44-4571-8DBE-B0455AB95617}"/>
            </a:ext>
          </a:extLst>
        </xdr:cNvPr>
        <xdr:cNvSpPr/>
      </xdr:nvSpPr>
      <xdr:spPr>
        <a:xfrm>
          <a:off x="2196465" y="58870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66675</xdr:rowOff>
    </xdr:from>
    <xdr:to>
      <xdr:col>7</xdr:col>
      <xdr:colOff>187325</xdr:colOff>
      <xdr:row>30</xdr:row>
      <xdr:rowOff>168275</xdr:rowOff>
    </xdr:to>
    <xdr:sp macro="" textlink="">
      <xdr:nvSpPr>
        <xdr:cNvPr id="75" name="フローチャート: 判断 74">
          <a:extLst>
            <a:ext uri="{FF2B5EF4-FFF2-40B4-BE49-F238E27FC236}">
              <a16:creationId xmlns:a16="http://schemas.microsoft.com/office/drawing/2014/main" id="{6A41048B-AAF7-40B1-A169-67826FE57453}"/>
            </a:ext>
          </a:extLst>
        </xdr:cNvPr>
        <xdr:cNvSpPr/>
      </xdr:nvSpPr>
      <xdr:spPr>
        <a:xfrm>
          <a:off x="1525905" y="586549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B8770CF5-414B-4AE8-A84A-88F3A4EC70A1}"/>
            </a:ext>
          </a:extLst>
        </xdr:cNvPr>
        <xdr:cNvSpPr txBox="1"/>
      </xdr:nvSpPr>
      <xdr:spPr>
        <a:xfrm>
          <a:off x="40532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58369470-E189-4FD4-B61B-C0DF857F6373}"/>
            </a:ext>
          </a:extLst>
        </xdr:cNvPr>
        <xdr:cNvSpPr txBox="1"/>
      </xdr:nvSpPr>
      <xdr:spPr>
        <a:xfrm>
          <a:off x="34334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9E2A03A0-5947-4798-B36F-EBA274246770}"/>
            </a:ext>
          </a:extLst>
        </xdr:cNvPr>
        <xdr:cNvSpPr txBox="1"/>
      </xdr:nvSpPr>
      <xdr:spPr>
        <a:xfrm>
          <a:off x="27628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6058790D-81BA-47BE-92E7-86505D81056D}"/>
            </a:ext>
          </a:extLst>
        </xdr:cNvPr>
        <xdr:cNvSpPr txBox="1"/>
      </xdr:nvSpPr>
      <xdr:spPr>
        <a:xfrm>
          <a:off x="20923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9A59336C-A9A6-4295-B21B-6CF1FDBFF6F0}"/>
            </a:ext>
          </a:extLst>
        </xdr:cNvPr>
        <xdr:cNvSpPr txBox="1"/>
      </xdr:nvSpPr>
      <xdr:spPr>
        <a:xfrm>
          <a:off x="14217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53035</xdr:rowOff>
    </xdr:from>
    <xdr:to>
      <xdr:col>23</xdr:col>
      <xdr:colOff>136525</xdr:colOff>
      <xdr:row>31</xdr:row>
      <xdr:rowOff>83185</xdr:rowOff>
    </xdr:to>
    <xdr:sp macro="" textlink="">
      <xdr:nvSpPr>
        <xdr:cNvPr id="81" name="楕円 80">
          <a:extLst>
            <a:ext uri="{FF2B5EF4-FFF2-40B4-BE49-F238E27FC236}">
              <a16:creationId xmlns:a16="http://schemas.microsoft.com/office/drawing/2014/main" id="{9E5BB557-58C5-491B-AD75-C72AD8E9F5D5}"/>
            </a:ext>
          </a:extLst>
        </xdr:cNvPr>
        <xdr:cNvSpPr/>
      </xdr:nvSpPr>
      <xdr:spPr>
        <a:xfrm>
          <a:off x="4157345" y="59518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31462</xdr:rowOff>
    </xdr:from>
    <xdr:ext cx="405111" cy="259045"/>
    <xdr:sp macro="" textlink="">
      <xdr:nvSpPr>
        <xdr:cNvPr id="82" name="有形固定資産減価償却率該当値テキスト">
          <a:extLst>
            <a:ext uri="{FF2B5EF4-FFF2-40B4-BE49-F238E27FC236}">
              <a16:creationId xmlns:a16="http://schemas.microsoft.com/office/drawing/2014/main" id="{72FDF19F-3DAC-4032-8ECD-51B162C97356}"/>
            </a:ext>
          </a:extLst>
        </xdr:cNvPr>
        <xdr:cNvSpPr txBox="1"/>
      </xdr:nvSpPr>
      <xdr:spPr>
        <a:xfrm>
          <a:off x="4258945" y="5930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80539</xdr:rowOff>
    </xdr:from>
    <xdr:to>
      <xdr:col>19</xdr:col>
      <xdr:colOff>187325</xdr:colOff>
      <xdr:row>32</xdr:row>
      <xdr:rowOff>10689</xdr:rowOff>
    </xdr:to>
    <xdr:sp macro="" textlink="">
      <xdr:nvSpPr>
        <xdr:cNvPr id="83" name="楕円 82">
          <a:extLst>
            <a:ext uri="{FF2B5EF4-FFF2-40B4-BE49-F238E27FC236}">
              <a16:creationId xmlns:a16="http://schemas.microsoft.com/office/drawing/2014/main" id="{BE5A0231-B1F2-40B0-B04E-7A869156CAA5}"/>
            </a:ext>
          </a:extLst>
        </xdr:cNvPr>
        <xdr:cNvSpPr/>
      </xdr:nvSpPr>
      <xdr:spPr>
        <a:xfrm>
          <a:off x="3537585" y="604699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32385</xdr:rowOff>
    </xdr:from>
    <xdr:to>
      <xdr:col>23</xdr:col>
      <xdr:colOff>85725</xdr:colOff>
      <xdr:row>31</xdr:row>
      <xdr:rowOff>131339</xdr:rowOff>
    </xdr:to>
    <xdr:cxnSp macro="">
      <xdr:nvCxnSpPr>
        <xdr:cNvPr id="84" name="直線コネクタ 83">
          <a:extLst>
            <a:ext uri="{FF2B5EF4-FFF2-40B4-BE49-F238E27FC236}">
              <a16:creationId xmlns:a16="http://schemas.microsoft.com/office/drawing/2014/main" id="{CF203ECF-3B24-4472-83A2-412DF4C56CED}"/>
            </a:ext>
          </a:extLst>
        </xdr:cNvPr>
        <xdr:cNvCxnSpPr/>
      </xdr:nvCxnSpPr>
      <xdr:spPr>
        <a:xfrm flipV="1">
          <a:off x="3588385" y="5998845"/>
          <a:ext cx="619760" cy="98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02129</xdr:rowOff>
    </xdr:from>
    <xdr:to>
      <xdr:col>15</xdr:col>
      <xdr:colOff>187325</xdr:colOff>
      <xdr:row>32</xdr:row>
      <xdr:rowOff>32279</xdr:rowOff>
    </xdr:to>
    <xdr:sp macro="" textlink="">
      <xdr:nvSpPr>
        <xdr:cNvPr id="85" name="楕円 84">
          <a:extLst>
            <a:ext uri="{FF2B5EF4-FFF2-40B4-BE49-F238E27FC236}">
              <a16:creationId xmlns:a16="http://schemas.microsoft.com/office/drawing/2014/main" id="{5264AD59-0E89-4CEB-851D-23FDB3B6D57B}"/>
            </a:ext>
          </a:extLst>
        </xdr:cNvPr>
        <xdr:cNvSpPr/>
      </xdr:nvSpPr>
      <xdr:spPr>
        <a:xfrm>
          <a:off x="2867025" y="606858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31339</xdr:rowOff>
    </xdr:from>
    <xdr:to>
      <xdr:col>19</xdr:col>
      <xdr:colOff>136525</xdr:colOff>
      <xdr:row>31</xdr:row>
      <xdr:rowOff>152929</xdr:rowOff>
    </xdr:to>
    <xdr:cxnSp macro="">
      <xdr:nvCxnSpPr>
        <xdr:cNvPr id="86" name="直線コネクタ 85">
          <a:extLst>
            <a:ext uri="{FF2B5EF4-FFF2-40B4-BE49-F238E27FC236}">
              <a16:creationId xmlns:a16="http://schemas.microsoft.com/office/drawing/2014/main" id="{28295576-A4E3-43F3-A8AE-3A511B5EB844}"/>
            </a:ext>
          </a:extLst>
        </xdr:cNvPr>
        <xdr:cNvCxnSpPr/>
      </xdr:nvCxnSpPr>
      <xdr:spPr>
        <a:xfrm flipV="1">
          <a:off x="2917825" y="6097799"/>
          <a:ext cx="67056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00330</xdr:rowOff>
    </xdr:from>
    <xdr:to>
      <xdr:col>11</xdr:col>
      <xdr:colOff>187325</xdr:colOff>
      <xdr:row>32</xdr:row>
      <xdr:rowOff>30480</xdr:rowOff>
    </xdr:to>
    <xdr:sp macro="" textlink="">
      <xdr:nvSpPr>
        <xdr:cNvPr id="87" name="楕円 86">
          <a:extLst>
            <a:ext uri="{FF2B5EF4-FFF2-40B4-BE49-F238E27FC236}">
              <a16:creationId xmlns:a16="http://schemas.microsoft.com/office/drawing/2014/main" id="{A72C9896-C047-4E88-BCC8-4B20980CFEAB}"/>
            </a:ext>
          </a:extLst>
        </xdr:cNvPr>
        <xdr:cNvSpPr/>
      </xdr:nvSpPr>
      <xdr:spPr>
        <a:xfrm>
          <a:off x="2196465" y="60667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51130</xdr:rowOff>
    </xdr:from>
    <xdr:to>
      <xdr:col>15</xdr:col>
      <xdr:colOff>136525</xdr:colOff>
      <xdr:row>31</xdr:row>
      <xdr:rowOff>152929</xdr:rowOff>
    </xdr:to>
    <xdr:cxnSp macro="">
      <xdr:nvCxnSpPr>
        <xdr:cNvPr id="88" name="直線コネクタ 87">
          <a:extLst>
            <a:ext uri="{FF2B5EF4-FFF2-40B4-BE49-F238E27FC236}">
              <a16:creationId xmlns:a16="http://schemas.microsoft.com/office/drawing/2014/main" id="{FE1A43D5-07C6-4948-ADDD-5821CD5489C8}"/>
            </a:ext>
          </a:extLst>
        </xdr:cNvPr>
        <xdr:cNvCxnSpPr/>
      </xdr:nvCxnSpPr>
      <xdr:spPr>
        <a:xfrm>
          <a:off x="2247265" y="6117590"/>
          <a:ext cx="670560" cy="1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75142</xdr:rowOff>
    </xdr:from>
    <xdr:to>
      <xdr:col>7</xdr:col>
      <xdr:colOff>187325</xdr:colOff>
      <xdr:row>32</xdr:row>
      <xdr:rowOff>5292</xdr:rowOff>
    </xdr:to>
    <xdr:sp macro="" textlink="">
      <xdr:nvSpPr>
        <xdr:cNvPr id="89" name="楕円 88">
          <a:extLst>
            <a:ext uri="{FF2B5EF4-FFF2-40B4-BE49-F238E27FC236}">
              <a16:creationId xmlns:a16="http://schemas.microsoft.com/office/drawing/2014/main" id="{7137C4F5-C6D7-4CD4-8AA1-2595DCE7EB80}"/>
            </a:ext>
          </a:extLst>
        </xdr:cNvPr>
        <xdr:cNvSpPr/>
      </xdr:nvSpPr>
      <xdr:spPr>
        <a:xfrm>
          <a:off x="1525905" y="604160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25942</xdr:rowOff>
    </xdr:from>
    <xdr:to>
      <xdr:col>11</xdr:col>
      <xdr:colOff>136525</xdr:colOff>
      <xdr:row>31</xdr:row>
      <xdr:rowOff>151130</xdr:rowOff>
    </xdr:to>
    <xdr:cxnSp macro="">
      <xdr:nvCxnSpPr>
        <xdr:cNvPr id="90" name="直線コネクタ 89">
          <a:extLst>
            <a:ext uri="{FF2B5EF4-FFF2-40B4-BE49-F238E27FC236}">
              <a16:creationId xmlns:a16="http://schemas.microsoft.com/office/drawing/2014/main" id="{ACA12E3A-EC64-4E7A-971A-D616882F5C80}"/>
            </a:ext>
          </a:extLst>
        </xdr:cNvPr>
        <xdr:cNvCxnSpPr/>
      </xdr:nvCxnSpPr>
      <xdr:spPr>
        <a:xfrm>
          <a:off x="1576705" y="6092402"/>
          <a:ext cx="670560" cy="25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65528</xdr:rowOff>
    </xdr:from>
    <xdr:ext cx="405111" cy="259045"/>
    <xdr:sp macro="" textlink="">
      <xdr:nvSpPr>
        <xdr:cNvPr id="91" name="n_1aveValue有形固定資産減価償却率">
          <a:extLst>
            <a:ext uri="{FF2B5EF4-FFF2-40B4-BE49-F238E27FC236}">
              <a16:creationId xmlns:a16="http://schemas.microsoft.com/office/drawing/2014/main" id="{DA33D56A-8783-410C-9AA0-23F666CADDE6}"/>
            </a:ext>
          </a:extLst>
        </xdr:cNvPr>
        <xdr:cNvSpPr txBox="1"/>
      </xdr:nvSpPr>
      <xdr:spPr>
        <a:xfrm>
          <a:off x="3395989" y="56967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49335</xdr:rowOff>
    </xdr:from>
    <xdr:ext cx="405111" cy="259045"/>
    <xdr:sp macro="" textlink="">
      <xdr:nvSpPr>
        <xdr:cNvPr id="92" name="n_2aveValue有形固定資産減価償却率">
          <a:extLst>
            <a:ext uri="{FF2B5EF4-FFF2-40B4-BE49-F238E27FC236}">
              <a16:creationId xmlns:a16="http://schemas.microsoft.com/office/drawing/2014/main" id="{4A750498-0FBF-4EC1-924A-90D8FE1D6DFE}"/>
            </a:ext>
          </a:extLst>
        </xdr:cNvPr>
        <xdr:cNvSpPr txBox="1"/>
      </xdr:nvSpPr>
      <xdr:spPr>
        <a:xfrm>
          <a:off x="2738129" y="5680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34942</xdr:rowOff>
    </xdr:from>
    <xdr:ext cx="405111" cy="259045"/>
    <xdr:sp macro="" textlink="">
      <xdr:nvSpPr>
        <xdr:cNvPr id="93" name="n_3aveValue有形固定資産減価償却率">
          <a:extLst>
            <a:ext uri="{FF2B5EF4-FFF2-40B4-BE49-F238E27FC236}">
              <a16:creationId xmlns:a16="http://schemas.microsoft.com/office/drawing/2014/main" id="{AA86B14C-EDFB-4C16-918F-2679D7D8A215}"/>
            </a:ext>
          </a:extLst>
        </xdr:cNvPr>
        <xdr:cNvSpPr txBox="1"/>
      </xdr:nvSpPr>
      <xdr:spPr>
        <a:xfrm>
          <a:off x="2067569" y="566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3352</xdr:rowOff>
    </xdr:from>
    <xdr:ext cx="405111" cy="259045"/>
    <xdr:sp macro="" textlink="">
      <xdr:nvSpPr>
        <xdr:cNvPr id="94" name="n_4aveValue有形固定資産減価償却率">
          <a:extLst>
            <a:ext uri="{FF2B5EF4-FFF2-40B4-BE49-F238E27FC236}">
              <a16:creationId xmlns:a16="http://schemas.microsoft.com/office/drawing/2014/main" id="{50A46A88-874E-4EE9-8748-8402EDBB52A1}"/>
            </a:ext>
          </a:extLst>
        </xdr:cNvPr>
        <xdr:cNvSpPr txBox="1"/>
      </xdr:nvSpPr>
      <xdr:spPr>
        <a:xfrm>
          <a:off x="1397009" y="5644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816</xdr:rowOff>
    </xdr:from>
    <xdr:ext cx="405111" cy="259045"/>
    <xdr:sp macro="" textlink="">
      <xdr:nvSpPr>
        <xdr:cNvPr id="95" name="n_1mainValue有形固定資産減価償却率">
          <a:extLst>
            <a:ext uri="{FF2B5EF4-FFF2-40B4-BE49-F238E27FC236}">
              <a16:creationId xmlns:a16="http://schemas.microsoft.com/office/drawing/2014/main" id="{5909C701-1097-422B-9885-377364E6834A}"/>
            </a:ext>
          </a:extLst>
        </xdr:cNvPr>
        <xdr:cNvSpPr txBox="1"/>
      </xdr:nvSpPr>
      <xdr:spPr>
        <a:xfrm>
          <a:off x="3395989" y="6135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23406</xdr:rowOff>
    </xdr:from>
    <xdr:ext cx="405111" cy="259045"/>
    <xdr:sp macro="" textlink="">
      <xdr:nvSpPr>
        <xdr:cNvPr id="96" name="n_2mainValue有形固定資産減価償却率">
          <a:extLst>
            <a:ext uri="{FF2B5EF4-FFF2-40B4-BE49-F238E27FC236}">
              <a16:creationId xmlns:a16="http://schemas.microsoft.com/office/drawing/2014/main" id="{9F0637B7-2CC4-4674-87C1-A99ACAAFDFE5}"/>
            </a:ext>
          </a:extLst>
        </xdr:cNvPr>
        <xdr:cNvSpPr txBox="1"/>
      </xdr:nvSpPr>
      <xdr:spPr>
        <a:xfrm>
          <a:off x="2738129" y="61575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21607</xdr:rowOff>
    </xdr:from>
    <xdr:ext cx="405111" cy="259045"/>
    <xdr:sp macro="" textlink="">
      <xdr:nvSpPr>
        <xdr:cNvPr id="97" name="n_3mainValue有形固定資産減価償却率">
          <a:extLst>
            <a:ext uri="{FF2B5EF4-FFF2-40B4-BE49-F238E27FC236}">
              <a16:creationId xmlns:a16="http://schemas.microsoft.com/office/drawing/2014/main" id="{7582FE80-58E3-4B0F-B599-C9D48F462082}"/>
            </a:ext>
          </a:extLst>
        </xdr:cNvPr>
        <xdr:cNvSpPr txBox="1"/>
      </xdr:nvSpPr>
      <xdr:spPr>
        <a:xfrm>
          <a:off x="2067569" y="615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167869</xdr:rowOff>
    </xdr:from>
    <xdr:ext cx="405111" cy="259045"/>
    <xdr:sp macro="" textlink="">
      <xdr:nvSpPr>
        <xdr:cNvPr id="98" name="n_4mainValue有形固定資産減価償却率">
          <a:extLst>
            <a:ext uri="{FF2B5EF4-FFF2-40B4-BE49-F238E27FC236}">
              <a16:creationId xmlns:a16="http://schemas.microsoft.com/office/drawing/2014/main" id="{9A85880E-C740-4F7A-A308-61181497CDF0}"/>
            </a:ext>
          </a:extLst>
        </xdr:cNvPr>
        <xdr:cNvSpPr txBox="1"/>
      </xdr:nvSpPr>
      <xdr:spPr>
        <a:xfrm>
          <a:off x="1397009" y="6134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898FA2AC-A9B7-41AD-AB9E-EA7A0ED0623E}"/>
            </a:ext>
          </a:extLst>
        </xdr:cNvPr>
        <xdr:cNvSpPr/>
      </xdr:nvSpPr>
      <xdr:spPr>
        <a:xfrm>
          <a:off x="9971405" y="4180205"/>
          <a:ext cx="371602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2D98E029-3F91-4103-BA8F-3042BB89659E}"/>
            </a:ext>
          </a:extLst>
        </xdr:cNvPr>
        <xdr:cNvSpPr/>
      </xdr:nvSpPr>
      <xdr:spPr>
        <a:xfrm>
          <a:off x="10904488" y="453891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2ED7784F-AD6B-4BAF-A7DF-992675FC1965}"/>
            </a:ext>
          </a:extLst>
        </xdr:cNvPr>
        <xdr:cNvSpPr/>
      </xdr:nvSpPr>
      <xdr:spPr>
        <a:xfrm>
          <a:off x="12166505" y="452224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12.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2A53CA27-1FAC-4E89-B02A-597A3BF70D42}"/>
            </a:ext>
          </a:extLst>
        </xdr:cNvPr>
        <xdr:cNvSpPr/>
      </xdr:nvSpPr>
      <xdr:spPr>
        <a:xfrm>
          <a:off x="1365948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0378F889-0F55-4049-A14B-441C2F0B11B7}"/>
            </a:ext>
          </a:extLst>
        </xdr:cNvPr>
        <xdr:cNvSpPr/>
      </xdr:nvSpPr>
      <xdr:spPr>
        <a:xfrm>
          <a:off x="1365948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BF418F21-A78A-4A20-A9AF-11202B2DA783}"/>
            </a:ext>
          </a:extLst>
        </xdr:cNvPr>
        <xdr:cNvSpPr/>
      </xdr:nvSpPr>
      <xdr:spPr>
        <a:xfrm>
          <a:off x="150006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50E51558-1DD4-4FE6-9D8E-2FADC35AFE03}"/>
            </a:ext>
          </a:extLst>
        </xdr:cNvPr>
        <xdr:cNvSpPr/>
      </xdr:nvSpPr>
      <xdr:spPr>
        <a:xfrm>
          <a:off x="150006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9E99259C-4E60-4BEB-87FA-B19761123FA7}"/>
            </a:ext>
          </a:extLst>
        </xdr:cNvPr>
        <xdr:cNvSpPr/>
      </xdr:nvSpPr>
      <xdr:spPr>
        <a:xfrm>
          <a:off x="1644586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1445FE49-C8A4-4EDE-BC2A-8A6B34EB7765}"/>
            </a:ext>
          </a:extLst>
        </xdr:cNvPr>
        <xdr:cNvSpPr/>
      </xdr:nvSpPr>
      <xdr:spPr>
        <a:xfrm>
          <a:off x="1644586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8C11F4A2-689A-49C3-BD31-8E889877F031}"/>
            </a:ext>
          </a:extLst>
        </xdr:cNvPr>
        <xdr:cNvSpPr/>
      </xdr:nvSpPr>
      <xdr:spPr>
        <a:xfrm>
          <a:off x="9971405" y="485965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96181B53-3496-4507-A134-08F54295D2D2}"/>
            </a:ext>
          </a:extLst>
        </xdr:cNvPr>
        <xdr:cNvSpPr/>
      </xdr:nvSpPr>
      <xdr:spPr>
        <a:xfrm>
          <a:off x="1393126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9DA1FB5D-0FBC-41BB-A5E8-4B8AB7395A43}"/>
            </a:ext>
          </a:extLst>
        </xdr:cNvPr>
        <xdr:cNvSpPr/>
      </xdr:nvSpPr>
      <xdr:spPr>
        <a:xfrm>
          <a:off x="1393126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F439B00E-BC5E-4A86-9F44-4B6D9F4A0F89}"/>
            </a:ext>
          </a:extLst>
        </xdr:cNvPr>
        <xdr:cNvSpPr txBox="1"/>
      </xdr:nvSpPr>
      <xdr:spPr>
        <a:xfrm>
          <a:off x="1400746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より高いが、全国平均及び神奈川県平均よりは低い値になっている。</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今後、大型公共事業に伴う起債の発行により将来負担額の増加が見込まれるため、動向に注意する必要があ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C86C669F-6634-4B0F-BF97-4230B70736C8}"/>
            </a:ext>
          </a:extLst>
        </xdr:cNvPr>
        <xdr:cNvSpPr txBox="1"/>
      </xdr:nvSpPr>
      <xdr:spPr>
        <a:xfrm>
          <a:off x="993330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16F77C59-9933-49EB-93A1-3805B9D16840}"/>
            </a:ext>
          </a:extLst>
        </xdr:cNvPr>
        <xdr:cNvCxnSpPr/>
      </xdr:nvCxnSpPr>
      <xdr:spPr>
        <a:xfrm>
          <a:off x="9971405" y="697293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66A54866-8CA1-4155-B232-D2CA0E69A9A0}"/>
            </a:ext>
          </a:extLst>
        </xdr:cNvPr>
        <xdr:cNvSpPr txBox="1"/>
      </xdr:nvSpPr>
      <xdr:spPr>
        <a:xfrm>
          <a:off x="9486041" y="687913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a:extLst>
            <a:ext uri="{FF2B5EF4-FFF2-40B4-BE49-F238E27FC236}">
              <a16:creationId xmlns:a16="http://schemas.microsoft.com/office/drawing/2014/main" id="{DAB238BB-2343-46DB-A768-988ACC7523B3}"/>
            </a:ext>
          </a:extLst>
        </xdr:cNvPr>
        <xdr:cNvCxnSpPr/>
      </xdr:nvCxnSpPr>
      <xdr:spPr>
        <a:xfrm>
          <a:off x="9971405" y="6668317"/>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a:extLst>
            <a:ext uri="{FF2B5EF4-FFF2-40B4-BE49-F238E27FC236}">
              <a16:creationId xmlns:a16="http://schemas.microsoft.com/office/drawing/2014/main" id="{774EF0E5-EEEC-45A2-B9E4-2CFC9E7F1B09}"/>
            </a:ext>
          </a:extLst>
        </xdr:cNvPr>
        <xdr:cNvSpPr txBox="1"/>
      </xdr:nvSpPr>
      <xdr:spPr>
        <a:xfrm>
          <a:off x="9486041" y="657832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a:extLst>
            <a:ext uri="{FF2B5EF4-FFF2-40B4-BE49-F238E27FC236}">
              <a16:creationId xmlns:a16="http://schemas.microsoft.com/office/drawing/2014/main" id="{D0CA4C26-570C-4D67-B189-11A4510B8BD5}"/>
            </a:ext>
          </a:extLst>
        </xdr:cNvPr>
        <xdr:cNvCxnSpPr/>
      </xdr:nvCxnSpPr>
      <xdr:spPr>
        <a:xfrm>
          <a:off x="9971405" y="636750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8" name="テキスト ボックス 117">
          <a:extLst>
            <a:ext uri="{FF2B5EF4-FFF2-40B4-BE49-F238E27FC236}">
              <a16:creationId xmlns:a16="http://schemas.microsoft.com/office/drawing/2014/main" id="{072517C9-DD7B-40E2-AE11-059B63036B48}"/>
            </a:ext>
          </a:extLst>
        </xdr:cNvPr>
        <xdr:cNvSpPr txBox="1"/>
      </xdr:nvSpPr>
      <xdr:spPr>
        <a:xfrm>
          <a:off x="9542936" y="627751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a:extLst>
            <a:ext uri="{FF2B5EF4-FFF2-40B4-BE49-F238E27FC236}">
              <a16:creationId xmlns:a16="http://schemas.microsoft.com/office/drawing/2014/main" id="{E2A021B7-F185-4C4D-9896-77D3BAC6AB15}"/>
            </a:ext>
          </a:extLst>
        </xdr:cNvPr>
        <xdr:cNvCxnSpPr/>
      </xdr:nvCxnSpPr>
      <xdr:spPr>
        <a:xfrm>
          <a:off x="9971405" y="6066699"/>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0" name="テキスト ボックス 119">
          <a:extLst>
            <a:ext uri="{FF2B5EF4-FFF2-40B4-BE49-F238E27FC236}">
              <a16:creationId xmlns:a16="http://schemas.microsoft.com/office/drawing/2014/main" id="{4F5AF32A-1C37-44DF-949A-E37D83F7E09B}"/>
            </a:ext>
          </a:extLst>
        </xdr:cNvPr>
        <xdr:cNvSpPr txBox="1"/>
      </xdr:nvSpPr>
      <xdr:spPr>
        <a:xfrm>
          <a:off x="9542936" y="597289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a:extLst>
            <a:ext uri="{FF2B5EF4-FFF2-40B4-BE49-F238E27FC236}">
              <a16:creationId xmlns:a16="http://schemas.microsoft.com/office/drawing/2014/main" id="{7C30D6E9-EFDC-4FAF-AE2A-C4901473827D}"/>
            </a:ext>
          </a:extLst>
        </xdr:cNvPr>
        <xdr:cNvCxnSpPr/>
      </xdr:nvCxnSpPr>
      <xdr:spPr>
        <a:xfrm>
          <a:off x="9971405" y="5765891"/>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a:extLst>
            <a:ext uri="{FF2B5EF4-FFF2-40B4-BE49-F238E27FC236}">
              <a16:creationId xmlns:a16="http://schemas.microsoft.com/office/drawing/2014/main" id="{31872F76-A1EB-4076-B1F6-FF4CBD1B9848}"/>
            </a:ext>
          </a:extLst>
        </xdr:cNvPr>
        <xdr:cNvSpPr txBox="1"/>
      </xdr:nvSpPr>
      <xdr:spPr>
        <a:xfrm>
          <a:off x="9542936" y="567209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a:extLst>
            <a:ext uri="{FF2B5EF4-FFF2-40B4-BE49-F238E27FC236}">
              <a16:creationId xmlns:a16="http://schemas.microsoft.com/office/drawing/2014/main" id="{0F1565AD-2C11-4D1D-BBD2-3812688E8817}"/>
            </a:ext>
          </a:extLst>
        </xdr:cNvPr>
        <xdr:cNvCxnSpPr/>
      </xdr:nvCxnSpPr>
      <xdr:spPr>
        <a:xfrm>
          <a:off x="9971405" y="54650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a:extLst>
            <a:ext uri="{FF2B5EF4-FFF2-40B4-BE49-F238E27FC236}">
              <a16:creationId xmlns:a16="http://schemas.microsoft.com/office/drawing/2014/main" id="{8D347D1E-F247-45A9-8FD4-C54BAA5A9ACA}"/>
            </a:ext>
          </a:extLst>
        </xdr:cNvPr>
        <xdr:cNvSpPr txBox="1"/>
      </xdr:nvSpPr>
      <xdr:spPr>
        <a:xfrm>
          <a:off x="9542936" y="53712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a:extLst>
            <a:ext uri="{FF2B5EF4-FFF2-40B4-BE49-F238E27FC236}">
              <a16:creationId xmlns:a16="http://schemas.microsoft.com/office/drawing/2014/main" id="{D358D8DF-6C6A-4DCD-AAC4-768539B4E7C1}"/>
            </a:ext>
          </a:extLst>
        </xdr:cNvPr>
        <xdr:cNvCxnSpPr/>
      </xdr:nvCxnSpPr>
      <xdr:spPr>
        <a:xfrm>
          <a:off x="9971405" y="5160463"/>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6" name="テキスト ボックス 125">
          <a:extLst>
            <a:ext uri="{FF2B5EF4-FFF2-40B4-BE49-F238E27FC236}">
              <a16:creationId xmlns:a16="http://schemas.microsoft.com/office/drawing/2014/main" id="{0D30E439-F514-4A0D-8E61-73AA7D0FF7DB}"/>
            </a:ext>
          </a:extLst>
        </xdr:cNvPr>
        <xdr:cNvSpPr txBox="1"/>
      </xdr:nvSpPr>
      <xdr:spPr>
        <a:xfrm>
          <a:off x="9645528" y="507047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ED5C4ED6-526F-4292-9795-1FC81A3D5D35}"/>
            </a:ext>
          </a:extLst>
        </xdr:cNvPr>
        <xdr:cNvCxnSpPr/>
      </xdr:nvCxnSpPr>
      <xdr:spPr>
        <a:xfrm>
          <a:off x="9971405" y="48596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58E260D8-D158-443D-9F74-08F4950535EF}"/>
            </a:ext>
          </a:extLst>
        </xdr:cNvPr>
        <xdr:cNvSpPr/>
      </xdr:nvSpPr>
      <xdr:spPr>
        <a:xfrm>
          <a:off x="9971405" y="485965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67894</xdr:rowOff>
    </xdr:to>
    <xdr:cxnSp macro="">
      <xdr:nvCxnSpPr>
        <xdr:cNvPr id="129" name="直線コネクタ 128">
          <a:extLst>
            <a:ext uri="{FF2B5EF4-FFF2-40B4-BE49-F238E27FC236}">
              <a16:creationId xmlns:a16="http://schemas.microsoft.com/office/drawing/2014/main" id="{F5A1C3C4-44B6-4764-852D-1DEC27CBF1D6}"/>
            </a:ext>
          </a:extLst>
        </xdr:cNvPr>
        <xdr:cNvCxnSpPr/>
      </xdr:nvCxnSpPr>
      <xdr:spPr>
        <a:xfrm flipV="1">
          <a:off x="13027660" y="5160463"/>
          <a:ext cx="1269" cy="14768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271</xdr:rowOff>
    </xdr:from>
    <xdr:ext cx="469744" cy="259045"/>
    <xdr:sp macro="" textlink="">
      <xdr:nvSpPr>
        <xdr:cNvPr id="130" name="債務償還比率最小値テキスト">
          <a:extLst>
            <a:ext uri="{FF2B5EF4-FFF2-40B4-BE49-F238E27FC236}">
              <a16:creationId xmlns:a16="http://schemas.microsoft.com/office/drawing/2014/main" id="{6EAD18AB-A1E5-4D9E-9798-3DD0E1922A51}"/>
            </a:ext>
          </a:extLst>
        </xdr:cNvPr>
        <xdr:cNvSpPr txBox="1"/>
      </xdr:nvSpPr>
      <xdr:spPr>
        <a:xfrm>
          <a:off x="13080365" y="6637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67894</xdr:rowOff>
    </xdr:from>
    <xdr:to>
      <xdr:col>76</xdr:col>
      <xdr:colOff>111125</xdr:colOff>
      <xdr:row>34</xdr:row>
      <xdr:rowOff>167894</xdr:rowOff>
    </xdr:to>
    <xdr:cxnSp macro="">
      <xdr:nvCxnSpPr>
        <xdr:cNvPr id="131" name="直線コネクタ 130">
          <a:extLst>
            <a:ext uri="{FF2B5EF4-FFF2-40B4-BE49-F238E27FC236}">
              <a16:creationId xmlns:a16="http://schemas.microsoft.com/office/drawing/2014/main" id="{0F7898C8-A1BB-4547-9C37-A6DBE5E72DA9}"/>
            </a:ext>
          </a:extLst>
        </xdr:cNvPr>
        <xdr:cNvCxnSpPr/>
      </xdr:nvCxnSpPr>
      <xdr:spPr>
        <a:xfrm>
          <a:off x="12963525" y="66372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2" name="債務償還比率最大値テキスト">
          <a:extLst>
            <a:ext uri="{FF2B5EF4-FFF2-40B4-BE49-F238E27FC236}">
              <a16:creationId xmlns:a16="http://schemas.microsoft.com/office/drawing/2014/main" id="{5E54B33D-2D8A-489C-8449-9EC3D17A46C9}"/>
            </a:ext>
          </a:extLst>
        </xdr:cNvPr>
        <xdr:cNvSpPr txBox="1"/>
      </xdr:nvSpPr>
      <xdr:spPr>
        <a:xfrm>
          <a:off x="13080365" y="494331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3" name="直線コネクタ 132">
          <a:extLst>
            <a:ext uri="{FF2B5EF4-FFF2-40B4-BE49-F238E27FC236}">
              <a16:creationId xmlns:a16="http://schemas.microsoft.com/office/drawing/2014/main" id="{BF6B95FF-D651-455E-B75D-8015634DF85C}"/>
            </a:ext>
          </a:extLst>
        </xdr:cNvPr>
        <xdr:cNvCxnSpPr/>
      </xdr:nvCxnSpPr>
      <xdr:spPr>
        <a:xfrm>
          <a:off x="12963525" y="516046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43645</xdr:rowOff>
    </xdr:from>
    <xdr:ext cx="469744" cy="259045"/>
    <xdr:sp macro="" textlink="">
      <xdr:nvSpPr>
        <xdr:cNvPr id="134" name="債務償還比率平均値テキスト">
          <a:extLst>
            <a:ext uri="{FF2B5EF4-FFF2-40B4-BE49-F238E27FC236}">
              <a16:creationId xmlns:a16="http://schemas.microsoft.com/office/drawing/2014/main" id="{4B71847F-C26B-432F-8777-D29E17A98DDA}"/>
            </a:ext>
          </a:extLst>
        </xdr:cNvPr>
        <xdr:cNvSpPr txBox="1"/>
      </xdr:nvSpPr>
      <xdr:spPr>
        <a:xfrm>
          <a:off x="13080365" y="56071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0768</xdr:rowOff>
    </xdr:from>
    <xdr:to>
      <xdr:col>76</xdr:col>
      <xdr:colOff>73025</xdr:colOff>
      <xdr:row>30</xdr:row>
      <xdr:rowOff>50918</xdr:rowOff>
    </xdr:to>
    <xdr:sp macro="" textlink="">
      <xdr:nvSpPr>
        <xdr:cNvPr id="135" name="フローチャート: 判断 134">
          <a:extLst>
            <a:ext uri="{FF2B5EF4-FFF2-40B4-BE49-F238E27FC236}">
              <a16:creationId xmlns:a16="http://schemas.microsoft.com/office/drawing/2014/main" id="{478052CC-1565-4789-89A8-64109942444A}"/>
            </a:ext>
          </a:extLst>
        </xdr:cNvPr>
        <xdr:cNvSpPr/>
      </xdr:nvSpPr>
      <xdr:spPr>
        <a:xfrm>
          <a:off x="13001625" y="575194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13828</xdr:rowOff>
    </xdr:from>
    <xdr:to>
      <xdr:col>72</xdr:col>
      <xdr:colOff>123825</xdr:colOff>
      <xdr:row>30</xdr:row>
      <xdr:rowOff>43978</xdr:rowOff>
    </xdr:to>
    <xdr:sp macro="" textlink="">
      <xdr:nvSpPr>
        <xdr:cNvPr id="136" name="フローチャート: 判断 135">
          <a:extLst>
            <a:ext uri="{FF2B5EF4-FFF2-40B4-BE49-F238E27FC236}">
              <a16:creationId xmlns:a16="http://schemas.microsoft.com/office/drawing/2014/main" id="{DE5FFBD0-7050-4391-BC59-AB3BCFFD07CC}"/>
            </a:ext>
          </a:extLst>
        </xdr:cNvPr>
        <xdr:cNvSpPr/>
      </xdr:nvSpPr>
      <xdr:spPr>
        <a:xfrm>
          <a:off x="12359005" y="574500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46712</xdr:rowOff>
    </xdr:from>
    <xdr:to>
      <xdr:col>68</xdr:col>
      <xdr:colOff>123825</xdr:colOff>
      <xdr:row>31</xdr:row>
      <xdr:rowOff>76862</xdr:rowOff>
    </xdr:to>
    <xdr:sp macro="" textlink="">
      <xdr:nvSpPr>
        <xdr:cNvPr id="137" name="フローチャート: 判断 136">
          <a:extLst>
            <a:ext uri="{FF2B5EF4-FFF2-40B4-BE49-F238E27FC236}">
              <a16:creationId xmlns:a16="http://schemas.microsoft.com/office/drawing/2014/main" id="{4A78B366-8C6B-468D-8AF8-8316B4C70C7B}"/>
            </a:ext>
          </a:extLst>
        </xdr:cNvPr>
        <xdr:cNvSpPr/>
      </xdr:nvSpPr>
      <xdr:spPr>
        <a:xfrm>
          <a:off x="11688445" y="594553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98597</xdr:rowOff>
    </xdr:from>
    <xdr:to>
      <xdr:col>64</xdr:col>
      <xdr:colOff>123825</xdr:colOff>
      <xdr:row>31</xdr:row>
      <xdr:rowOff>28747</xdr:rowOff>
    </xdr:to>
    <xdr:sp macro="" textlink="">
      <xdr:nvSpPr>
        <xdr:cNvPr id="138" name="フローチャート: 判断 137">
          <a:extLst>
            <a:ext uri="{FF2B5EF4-FFF2-40B4-BE49-F238E27FC236}">
              <a16:creationId xmlns:a16="http://schemas.microsoft.com/office/drawing/2014/main" id="{A1341BF1-EAE1-47BE-AAD6-15434B15EFAA}"/>
            </a:ext>
          </a:extLst>
        </xdr:cNvPr>
        <xdr:cNvSpPr/>
      </xdr:nvSpPr>
      <xdr:spPr>
        <a:xfrm>
          <a:off x="11017885" y="589741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452</xdr:rowOff>
    </xdr:from>
    <xdr:to>
      <xdr:col>60</xdr:col>
      <xdr:colOff>123825</xdr:colOff>
      <xdr:row>30</xdr:row>
      <xdr:rowOff>107052</xdr:rowOff>
    </xdr:to>
    <xdr:sp macro="" textlink="">
      <xdr:nvSpPr>
        <xdr:cNvPr id="139" name="フローチャート: 判断 138">
          <a:extLst>
            <a:ext uri="{FF2B5EF4-FFF2-40B4-BE49-F238E27FC236}">
              <a16:creationId xmlns:a16="http://schemas.microsoft.com/office/drawing/2014/main" id="{9C3CF51D-2515-4C95-9CC4-9240367E4632}"/>
            </a:ext>
          </a:extLst>
        </xdr:cNvPr>
        <xdr:cNvSpPr/>
      </xdr:nvSpPr>
      <xdr:spPr>
        <a:xfrm>
          <a:off x="10347325" y="5804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CE474681-DD84-412D-972C-4CD5226E131D}"/>
            </a:ext>
          </a:extLst>
        </xdr:cNvPr>
        <xdr:cNvSpPr txBox="1"/>
      </xdr:nvSpPr>
      <xdr:spPr>
        <a:xfrm>
          <a:off x="128746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620DC64A-E42E-4FE8-82ED-E0F8D52B11D3}"/>
            </a:ext>
          </a:extLst>
        </xdr:cNvPr>
        <xdr:cNvSpPr txBox="1"/>
      </xdr:nvSpPr>
      <xdr:spPr>
        <a:xfrm>
          <a:off x="122548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7288F50F-3609-4AAD-83E8-C8AEC4FA7DFB}"/>
            </a:ext>
          </a:extLst>
        </xdr:cNvPr>
        <xdr:cNvSpPr txBox="1"/>
      </xdr:nvSpPr>
      <xdr:spPr>
        <a:xfrm>
          <a:off x="115843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11F09141-DC89-464B-B8CB-07CF31DF1F03}"/>
            </a:ext>
          </a:extLst>
        </xdr:cNvPr>
        <xdr:cNvSpPr txBox="1"/>
      </xdr:nvSpPr>
      <xdr:spPr>
        <a:xfrm>
          <a:off x="109137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DC4285E5-2183-4E7B-94AA-6057A2F2EB87}"/>
            </a:ext>
          </a:extLst>
        </xdr:cNvPr>
        <xdr:cNvSpPr txBox="1"/>
      </xdr:nvSpPr>
      <xdr:spPr>
        <a:xfrm>
          <a:off x="102431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85181</xdr:rowOff>
    </xdr:from>
    <xdr:to>
      <xdr:col>76</xdr:col>
      <xdr:colOff>73025</xdr:colOff>
      <xdr:row>31</xdr:row>
      <xdr:rowOff>15331</xdr:rowOff>
    </xdr:to>
    <xdr:sp macro="" textlink="">
      <xdr:nvSpPr>
        <xdr:cNvPr id="145" name="楕円 144">
          <a:extLst>
            <a:ext uri="{FF2B5EF4-FFF2-40B4-BE49-F238E27FC236}">
              <a16:creationId xmlns:a16="http://schemas.microsoft.com/office/drawing/2014/main" id="{131DC76B-1874-467C-B671-87F1FBC4C34E}"/>
            </a:ext>
          </a:extLst>
        </xdr:cNvPr>
        <xdr:cNvSpPr/>
      </xdr:nvSpPr>
      <xdr:spPr>
        <a:xfrm>
          <a:off x="13001625" y="588400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63608</xdr:rowOff>
    </xdr:from>
    <xdr:ext cx="469744" cy="259045"/>
    <xdr:sp macro="" textlink="">
      <xdr:nvSpPr>
        <xdr:cNvPr id="146" name="債務償還比率該当値テキスト">
          <a:extLst>
            <a:ext uri="{FF2B5EF4-FFF2-40B4-BE49-F238E27FC236}">
              <a16:creationId xmlns:a16="http://schemas.microsoft.com/office/drawing/2014/main" id="{2A5C1E5C-657B-4A27-B1DF-ACDE0C0C81F7}"/>
            </a:ext>
          </a:extLst>
        </xdr:cNvPr>
        <xdr:cNvSpPr txBox="1"/>
      </xdr:nvSpPr>
      <xdr:spPr>
        <a:xfrm>
          <a:off x="13080365" y="5862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70888</xdr:rowOff>
    </xdr:from>
    <xdr:to>
      <xdr:col>72</xdr:col>
      <xdr:colOff>123825</xdr:colOff>
      <xdr:row>30</xdr:row>
      <xdr:rowOff>101038</xdr:rowOff>
    </xdr:to>
    <xdr:sp macro="" textlink="">
      <xdr:nvSpPr>
        <xdr:cNvPr id="147" name="楕円 146">
          <a:extLst>
            <a:ext uri="{FF2B5EF4-FFF2-40B4-BE49-F238E27FC236}">
              <a16:creationId xmlns:a16="http://schemas.microsoft.com/office/drawing/2014/main" id="{8BB8D1F4-91D7-4F73-BDD5-708175E85E96}"/>
            </a:ext>
          </a:extLst>
        </xdr:cNvPr>
        <xdr:cNvSpPr/>
      </xdr:nvSpPr>
      <xdr:spPr>
        <a:xfrm>
          <a:off x="12359005" y="580206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50238</xdr:rowOff>
    </xdr:from>
    <xdr:to>
      <xdr:col>76</xdr:col>
      <xdr:colOff>22225</xdr:colOff>
      <xdr:row>30</xdr:row>
      <xdr:rowOff>135981</xdr:rowOff>
    </xdr:to>
    <xdr:cxnSp macro="">
      <xdr:nvCxnSpPr>
        <xdr:cNvPr id="148" name="直線コネクタ 147">
          <a:extLst>
            <a:ext uri="{FF2B5EF4-FFF2-40B4-BE49-F238E27FC236}">
              <a16:creationId xmlns:a16="http://schemas.microsoft.com/office/drawing/2014/main" id="{760F8BDC-B868-43D7-A960-55E188080A80}"/>
            </a:ext>
          </a:extLst>
        </xdr:cNvPr>
        <xdr:cNvCxnSpPr/>
      </xdr:nvCxnSpPr>
      <xdr:spPr>
        <a:xfrm>
          <a:off x="12409805" y="5849058"/>
          <a:ext cx="619760" cy="85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56225</xdr:rowOff>
    </xdr:from>
    <xdr:to>
      <xdr:col>68</xdr:col>
      <xdr:colOff>123825</xdr:colOff>
      <xdr:row>31</xdr:row>
      <xdr:rowOff>157825</xdr:rowOff>
    </xdr:to>
    <xdr:sp macro="" textlink="">
      <xdr:nvSpPr>
        <xdr:cNvPr id="149" name="楕円 148">
          <a:extLst>
            <a:ext uri="{FF2B5EF4-FFF2-40B4-BE49-F238E27FC236}">
              <a16:creationId xmlns:a16="http://schemas.microsoft.com/office/drawing/2014/main" id="{2AA1BD06-078E-4E75-BF49-815C94B61BBC}"/>
            </a:ext>
          </a:extLst>
        </xdr:cNvPr>
        <xdr:cNvSpPr/>
      </xdr:nvSpPr>
      <xdr:spPr>
        <a:xfrm>
          <a:off x="11688445" y="602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50238</xdr:rowOff>
    </xdr:from>
    <xdr:to>
      <xdr:col>72</xdr:col>
      <xdr:colOff>73025</xdr:colOff>
      <xdr:row>31</xdr:row>
      <xdr:rowOff>107025</xdr:rowOff>
    </xdr:to>
    <xdr:cxnSp macro="">
      <xdr:nvCxnSpPr>
        <xdr:cNvPr id="150" name="直線コネクタ 149">
          <a:extLst>
            <a:ext uri="{FF2B5EF4-FFF2-40B4-BE49-F238E27FC236}">
              <a16:creationId xmlns:a16="http://schemas.microsoft.com/office/drawing/2014/main" id="{CFD2E050-D268-4E12-A27E-A44E520E3734}"/>
            </a:ext>
          </a:extLst>
        </xdr:cNvPr>
        <xdr:cNvCxnSpPr/>
      </xdr:nvCxnSpPr>
      <xdr:spPr>
        <a:xfrm flipV="1">
          <a:off x="11739245" y="5849058"/>
          <a:ext cx="670560" cy="224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64589</xdr:rowOff>
    </xdr:from>
    <xdr:to>
      <xdr:col>64</xdr:col>
      <xdr:colOff>123825</xdr:colOff>
      <xdr:row>32</xdr:row>
      <xdr:rowOff>166189</xdr:rowOff>
    </xdr:to>
    <xdr:sp macro="" textlink="">
      <xdr:nvSpPr>
        <xdr:cNvPr id="151" name="楕円 150">
          <a:extLst>
            <a:ext uri="{FF2B5EF4-FFF2-40B4-BE49-F238E27FC236}">
              <a16:creationId xmlns:a16="http://schemas.microsoft.com/office/drawing/2014/main" id="{8DCDA84C-00E9-4BAE-A750-AFA1128D4B39}"/>
            </a:ext>
          </a:extLst>
        </xdr:cNvPr>
        <xdr:cNvSpPr/>
      </xdr:nvSpPr>
      <xdr:spPr>
        <a:xfrm>
          <a:off x="11017885" y="6198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07025</xdr:rowOff>
    </xdr:from>
    <xdr:to>
      <xdr:col>68</xdr:col>
      <xdr:colOff>73025</xdr:colOff>
      <xdr:row>32</xdr:row>
      <xdr:rowOff>115389</xdr:rowOff>
    </xdr:to>
    <xdr:cxnSp macro="">
      <xdr:nvCxnSpPr>
        <xdr:cNvPr id="152" name="直線コネクタ 151">
          <a:extLst>
            <a:ext uri="{FF2B5EF4-FFF2-40B4-BE49-F238E27FC236}">
              <a16:creationId xmlns:a16="http://schemas.microsoft.com/office/drawing/2014/main" id="{88EFBAD3-BE82-491A-B502-2B6BD31E260E}"/>
            </a:ext>
          </a:extLst>
        </xdr:cNvPr>
        <xdr:cNvCxnSpPr/>
      </xdr:nvCxnSpPr>
      <xdr:spPr>
        <a:xfrm flipV="1">
          <a:off x="11068685" y="6073485"/>
          <a:ext cx="670560" cy="176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23295</xdr:rowOff>
    </xdr:from>
    <xdr:to>
      <xdr:col>60</xdr:col>
      <xdr:colOff>123825</xdr:colOff>
      <xdr:row>33</xdr:row>
      <xdr:rowOff>124895</xdr:rowOff>
    </xdr:to>
    <xdr:sp macro="" textlink="">
      <xdr:nvSpPr>
        <xdr:cNvPr id="153" name="楕円 152">
          <a:extLst>
            <a:ext uri="{FF2B5EF4-FFF2-40B4-BE49-F238E27FC236}">
              <a16:creationId xmlns:a16="http://schemas.microsoft.com/office/drawing/2014/main" id="{D09AE4F3-BCB5-449D-A8C0-F51756C59974}"/>
            </a:ext>
          </a:extLst>
        </xdr:cNvPr>
        <xdr:cNvSpPr/>
      </xdr:nvSpPr>
      <xdr:spPr>
        <a:xfrm>
          <a:off x="10347325" y="6325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115389</xdr:rowOff>
    </xdr:from>
    <xdr:to>
      <xdr:col>64</xdr:col>
      <xdr:colOff>73025</xdr:colOff>
      <xdr:row>33</xdr:row>
      <xdr:rowOff>74095</xdr:rowOff>
    </xdr:to>
    <xdr:cxnSp macro="">
      <xdr:nvCxnSpPr>
        <xdr:cNvPr id="154" name="直線コネクタ 153">
          <a:extLst>
            <a:ext uri="{FF2B5EF4-FFF2-40B4-BE49-F238E27FC236}">
              <a16:creationId xmlns:a16="http://schemas.microsoft.com/office/drawing/2014/main" id="{FB8B6FB7-9BE7-4139-B694-B770353F8C3E}"/>
            </a:ext>
          </a:extLst>
        </xdr:cNvPr>
        <xdr:cNvCxnSpPr/>
      </xdr:nvCxnSpPr>
      <xdr:spPr>
        <a:xfrm flipV="1">
          <a:off x="10398125" y="6249489"/>
          <a:ext cx="670560" cy="126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60505</xdr:rowOff>
    </xdr:from>
    <xdr:ext cx="469744" cy="259045"/>
    <xdr:sp macro="" textlink="">
      <xdr:nvSpPr>
        <xdr:cNvPr id="155" name="n_1aveValue債務償還比率">
          <a:extLst>
            <a:ext uri="{FF2B5EF4-FFF2-40B4-BE49-F238E27FC236}">
              <a16:creationId xmlns:a16="http://schemas.microsoft.com/office/drawing/2014/main" id="{2411A67E-7EA4-46AA-B564-5D64F3920644}"/>
            </a:ext>
          </a:extLst>
        </xdr:cNvPr>
        <xdr:cNvSpPr txBox="1"/>
      </xdr:nvSpPr>
      <xdr:spPr>
        <a:xfrm>
          <a:off x="12185092" y="552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93389</xdr:rowOff>
    </xdr:from>
    <xdr:ext cx="469744" cy="259045"/>
    <xdr:sp macro="" textlink="">
      <xdr:nvSpPr>
        <xdr:cNvPr id="156" name="n_2aveValue債務償還比率">
          <a:extLst>
            <a:ext uri="{FF2B5EF4-FFF2-40B4-BE49-F238E27FC236}">
              <a16:creationId xmlns:a16="http://schemas.microsoft.com/office/drawing/2014/main" id="{AE9021AD-CDE9-47C4-B8DB-C9E370114B00}"/>
            </a:ext>
          </a:extLst>
        </xdr:cNvPr>
        <xdr:cNvSpPr txBox="1"/>
      </xdr:nvSpPr>
      <xdr:spPr>
        <a:xfrm>
          <a:off x="11527232" y="5724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45274</xdr:rowOff>
    </xdr:from>
    <xdr:ext cx="469744" cy="259045"/>
    <xdr:sp macro="" textlink="">
      <xdr:nvSpPr>
        <xdr:cNvPr id="157" name="n_3aveValue債務償還比率">
          <a:extLst>
            <a:ext uri="{FF2B5EF4-FFF2-40B4-BE49-F238E27FC236}">
              <a16:creationId xmlns:a16="http://schemas.microsoft.com/office/drawing/2014/main" id="{1DACCA76-7670-4031-91F0-6B04D82EAF76}"/>
            </a:ext>
          </a:extLst>
        </xdr:cNvPr>
        <xdr:cNvSpPr txBox="1"/>
      </xdr:nvSpPr>
      <xdr:spPr>
        <a:xfrm>
          <a:off x="10856672" y="5676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23579</xdr:rowOff>
    </xdr:from>
    <xdr:ext cx="469744" cy="259045"/>
    <xdr:sp macro="" textlink="">
      <xdr:nvSpPr>
        <xdr:cNvPr id="158" name="n_4aveValue債務償還比率">
          <a:extLst>
            <a:ext uri="{FF2B5EF4-FFF2-40B4-BE49-F238E27FC236}">
              <a16:creationId xmlns:a16="http://schemas.microsoft.com/office/drawing/2014/main" id="{AA9F914C-9C82-4A36-8610-113213D46FA9}"/>
            </a:ext>
          </a:extLst>
        </xdr:cNvPr>
        <xdr:cNvSpPr txBox="1"/>
      </xdr:nvSpPr>
      <xdr:spPr>
        <a:xfrm>
          <a:off x="10186112" y="5587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92165</xdr:rowOff>
    </xdr:from>
    <xdr:ext cx="469744" cy="259045"/>
    <xdr:sp macro="" textlink="">
      <xdr:nvSpPr>
        <xdr:cNvPr id="159" name="n_1mainValue債務償還比率">
          <a:extLst>
            <a:ext uri="{FF2B5EF4-FFF2-40B4-BE49-F238E27FC236}">
              <a16:creationId xmlns:a16="http://schemas.microsoft.com/office/drawing/2014/main" id="{85AEDF19-C8A6-4C82-8903-CB5C6F991C8E}"/>
            </a:ext>
          </a:extLst>
        </xdr:cNvPr>
        <xdr:cNvSpPr txBox="1"/>
      </xdr:nvSpPr>
      <xdr:spPr>
        <a:xfrm>
          <a:off x="12185092" y="5890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48952</xdr:rowOff>
    </xdr:from>
    <xdr:ext cx="469744" cy="259045"/>
    <xdr:sp macro="" textlink="">
      <xdr:nvSpPr>
        <xdr:cNvPr id="160" name="n_2mainValue債務償還比率">
          <a:extLst>
            <a:ext uri="{FF2B5EF4-FFF2-40B4-BE49-F238E27FC236}">
              <a16:creationId xmlns:a16="http://schemas.microsoft.com/office/drawing/2014/main" id="{6784F721-EF0A-41A9-86D5-6F747CA23C7C}"/>
            </a:ext>
          </a:extLst>
        </xdr:cNvPr>
        <xdr:cNvSpPr txBox="1"/>
      </xdr:nvSpPr>
      <xdr:spPr>
        <a:xfrm>
          <a:off x="11527232" y="6115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57316</xdr:rowOff>
    </xdr:from>
    <xdr:ext cx="469744" cy="259045"/>
    <xdr:sp macro="" textlink="">
      <xdr:nvSpPr>
        <xdr:cNvPr id="161" name="n_3mainValue債務償還比率">
          <a:extLst>
            <a:ext uri="{FF2B5EF4-FFF2-40B4-BE49-F238E27FC236}">
              <a16:creationId xmlns:a16="http://schemas.microsoft.com/office/drawing/2014/main" id="{E3C8B1B9-2586-4ACD-AD7A-3A4971ECC6F0}"/>
            </a:ext>
          </a:extLst>
        </xdr:cNvPr>
        <xdr:cNvSpPr txBox="1"/>
      </xdr:nvSpPr>
      <xdr:spPr>
        <a:xfrm>
          <a:off x="10856672" y="6291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3</xdr:row>
      <xdr:rowOff>116022</xdr:rowOff>
    </xdr:from>
    <xdr:ext cx="469744" cy="259045"/>
    <xdr:sp macro="" textlink="">
      <xdr:nvSpPr>
        <xdr:cNvPr id="162" name="n_4mainValue債務償還比率">
          <a:extLst>
            <a:ext uri="{FF2B5EF4-FFF2-40B4-BE49-F238E27FC236}">
              <a16:creationId xmlns:a16="http://schemas.microsoft.com/office/drawing/2014/main" id="{0EF99C35-0C6B-45A7-B543-51201C332E40}"/>
            </a:ext>
          </a:extLst>
        </xdr:cNvPr>
        <xdr:cNvSpPr txBox="1"/>
      </xdr:nvSpPr>
      <xdr:spPr>
        <a:xfrm>
          <a:off x="10186112" y="6417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97328D89-0EE4-44BB-A32D-0AE6C2201A15}"/>
            </a:ext>
          </a:extLst>
        </xdr:cNvPr>
        <xdr:cNvSpPr/>
      </xdr:nvSpPr>
      <xdr:spPr>
        <a:xfrm>
          <a:off x="1127125" y="783336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E6303663-5F31-4CCE-A705-EEAAE44512FF}"/>
            </a:ext>
          </a:extLst>
        </xdr:cNvPr>
        <xdr:cNvSpPr/>
      </xdr:nvSpPr>
      <xdr:spPr>
        <a:xfrm>
          <a:off x="1127125" y="1155001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1856FA06-30E3-4C2D-BEBC-02296B083C20}"/>
            </a:ext>
          </a:extLst>
        </xdr:cNvPr>
        <xdr:cNvSpPr txBox="1"/>
      </xdr:nvSpPr>
      <xdr:spPr>
        <a:xfrm>
          <a:off x="817245" y="807974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AA5E89B5-5444-40D3-A0FA-72C2693B550F}"/>
            </a:ext>
          </a:extLst>
        </xdr:cNvPr>
        <xdr:cNvSpPr txBox="1"/>
      </xdr:nvSpPr>
      <xdr:spPr>
        <a:xfrm>
          <a:off x="6156325" y="1068959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1012C0FE-A6AD-431E-8FAD-A17DECB5CE03}"/>
            </a:ext>
          </a:extLst>
        </xdr:cNvPr>
        <xdr:cNvSpPr txBox="1"/>
      </xdr:nvSpPr>
      <xdr:spPr>
        <a:xfrm>
          <a:off x="817245" y="117709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73664171-ACDA-4A70-9C31-E9DAD16E4E0D}"/>
            </a:ext>
          </a:extLst>
        </xdr:cNvPr>
        <xdr:cNvSpPr txBox="1"/>
      </xdr:nvSpPr>
      <xdr:spPr>
        <a:xfrm>
          <a:off x="6156325" y="1446593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C86444E4-77EA-4C4A-AA9E-76166CA3A554}"/>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2BF0244B-0A92-43B1-80D6-E6D2F768D082}"/>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987CA7A0-6D7F-41B6-AA97-1E07147E8BE3}"/>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7BC9228C-3849-49E2-9A6C-7B699F8492A8}"/>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ADEDC5CF-AC0C-47D4-A41B-694365099EF0}"/>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F639F4A6-76BC-461B-A73E-AEF61F388F6E}"/>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5725D7E9-7E8D-40C6-855D-00484FB960CB}"/>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E2EF9285-DA9E-4BFA-8389-90902AD7DD8C}"/>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786D7CE5-16FA-4643-9789-B54CB6B2E24D}"/>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BDB6D1A7-490E-4955-85E3-D22F9071D679}"/>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B70F38AA-371C-4802-86DA-8F750C809096}"/>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4C54BB5-62E2-4F7E-8F2E-6F81F156356C}"/>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D4CDA065-DF37-41F7-995F-4F0033874105}"/>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27246EEE-85AB-42B8-90F1-045CFBF35485}"/>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ED4613A3-5736-4474-AA83-45F0CF9CA5D1}"/>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4A319699-9807-4116-9F05-7D5FAA67D5D1}"/>
            </a:ext>
          </a:extLst>
        </xdr:cNvPr>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B5ADFCA8-7605-4ABE-A11B-992E0FD36BFF}"/>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EA14FF76-7EA8-4C3D-BA33-21CBE9A6BC6D}"/>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DCF7CB06-471C-47EA-A662-06365BEF7C0D}"/>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87910EE3-DCCE-429A-9C5E-07940D367621}"/>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440620C7-CE31-4CC3-B9E0-BDB353E3A6C2}"/>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51E2964A-570D-4FE3-B590-E0171706BFC5}"/>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B1F3EF7F-A6B4-4304-92D2-B037A8E06F21}"/>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3DD4C5A3-3CA9-4C3D-A7B4-4D0D270E6B85}"/>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7D0C0D9-BE38-4C86-99FB-04CC9E97B370}"/>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1E1229AE-3788-4EE3-B3CF-A7B8491D6CF6}"/>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1BE1EAC2-24A9-4D18-80A2-E4C1F782B515}"/>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2851194B-57AE-49D1-ADB5-0078A8594108}"/>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F180C0FC-9C74-46A9-9A1D-BB45DFE1DBB3}"/>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CBCBF415-7A5E-4FCD-8C6D-78400A94513B}"/>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C9A464A5-92B7-4950-89FB-FA00CBC0D260}"/>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42DB25A4-6F0C-4A60-B754-260ACA1FEC56}"/>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1557485B-5610-4BC4-A540-44480E15A489}"/>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FEFD7147-B54A-456B-B514-771C160830A5}"/>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AE1C6D08-04C4-40E6-8129-27ADF31296B5}"/>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E00B0A1E-DA2E-4B8C-B314-37CE35AB2125}"/>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14799194-109B-4329-9851-BE27B07D244D}"/>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56694DF2-5379-4FA7-9A19-6076344F9AE1}"/>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56A92C9E-09FF-4FCC-A69E-FF7279530F4F}"/>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DFCA93F5-EB41-4773-A64F-62E95ED02457}"/>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95973252-8C7F-4E34-AAAA-A7E6557485C3}"/>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EFC22D7A-5001-4EF9-B6BA-63A3BF829971}"/>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87AF8BAF-C3AC-4733-AB36-B5A776B64A4F}"/>
            </a:ext>
          </a:extLst>
        </xdr:cNvPr>
        <xdr:cNvCxnSpPr/>
      </xdr:nvCxnSpPr>
      <xdr:spPr>
        <a:xfrm>
          <a:off x="67056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id="{BAD4C893-8CAB-4378-AA9A-BFAD25ABED3B}"/>
            </a:ext>
          </a:extLst>
        </xdr:cNvPr>
        <xdr:cNvSpPr txBox="1"/>
      </xdr:nvSpPr>
      <xdr:spPr>
        <a:xfrm>
          <a:off x="27196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6171EA3E-5CE7-4214-9851-E8153298DCFD}"/>
            </a:ext>
          </a:extLst>
        </xdr:cNvPr>
        <xdr:cNvCxnSpPr/>
      </xdr:nvCxnSpPr>
      <xdr:spPr>
        <a:xfrm>
          <a:off x="67056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96D34B3A-8BF2-4025-A024-8891BCBFDDAF}"/>
            </a:ext>
          </a:extLst>
        </xdr:cNvPr>
        <xdr:cNvSpPr txBox="1"/>
      </xdr:nvSpPr>
      <xdr:spPr>
        <a:xfrm>
          <a:off x="33608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A4D8C4B6-6CCC-41E1-9D4D-DF621131BEF0}"/>
            </a:ext>
          </a:extLst>
        </xdr:cNvPr>
        <xdr:cNvCxnSpPr/>
      </xdr:nvCxnSpPr>
      <xdr:spPr>
        <a:xfrm>
          <a:off x="67056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B4ED07FF-244C-4D22-B5E2-8D1BCE40B460}"/>
            </a:ext>
          </a:extLst>
        </xdr:cNvPr>
        <xdr:cNvSpPr txBox="1"/>
      </xdr:nvSpPr>
      <xdr:spPr>
        <a:xfrm>
          <a:off x="33608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9868B7B1-9A2A-46B9-A384-52CD17C64284}"/>
            </a:ext>
          </a:extLst>
        </xdr:cNvPr>
        <xdr:cNvCxnSpPr/>
      </xdr:nvCxnSpPr>
      <xdr:spPr>
        <a:xfrm>
          <a:off x="67056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BC660E8D-7973-4156-998C-33DB431DE317}"/>
            </a:ext>
          </a:extLst>
        </xdr:cNvPr>
        <xdr:cNvSpPr txBox="1"/>
      </xdr:nvSpPr>
      <xdr:spPr>
        <a:xfrm>
          <a:off x="33608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330293C7-F55B-47DA-986E-CEF566BD78AB}"/>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id="{88981D18-8399-405A-AA0F-D709E68473B7}"/>
            </a:ext>
          </a:extLst>
        </xdr:cNvPr>
        <xdr:cNvSpPr txBox="1"/>
      </xdr:nvSpPr>
      <xdr:spPr>
        <a:xfrm>
          <a:off x="336081" y="5077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EFA78951-E7DB-47A9-A177-3A7C722B8D17}"/>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8486</xdr:rowOff>
    </xdr:from>
    <xdr:to>
      <xdr:col>24</xdr:col>
      <xdr:colOff>62865</xdr:colOff>
      <xdr:row>41</xdr:row>
      <xdr:rowOff>62484</xdr:rowOff>
    </xdr:to>
    <xdr:cxnSp macro="">
      <xdr:nvCxnSpPr>
        <xdr:cNvPr id="55" name="直線コネクタ 54">
          <a:extLst>
            <a:ext uri="{FF2B5EF4-FFF2-40B4-BE49-F238E27FC236}">
              <a16:creationId xmlns:a16="http://schemas.microsoft.com/office/drawing/2014/main" id="{15BAC6DC-8AD7-453E-B1B4-5C798F54240D}"/>
            </a:ext>
          </a:extLst>
        </xdr:cNvPr>
        <xdr:cNvCxnSpPr/>
      </xdr:nvCxnSpPr>
      <xdr:spPr>
        <a:xfrm flipV="1">
          <a:off x="4086225" y="5610606"/>
          <a:ext cx="0" cy="13251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6311</xdr:rowOff>
    </xdr:from>
    <xdr:ext cx="405111" cy="259045"/>
    <xdr:sp macro="" textlink="">
      <xdr:nvSpPr>
        <xdr:cNvPr id="56" name="【道路】&#10;有形固定資産減価償却率最小値テキスト">
          <a:extLst>
            <a:ext uri="{FF2B5EF4-FFF2-40B4-BE49-F238E27FC236}">
              <a16:creationId xmlns:a16="http://schemas.microsoft.com/office/drawing/2014/main" id="{F922CA36-7B75-4CA7-848A-886F5D7571DC}"/>
            </a:ext>
          </a:extLst>
        </xdr:cNvPr>
        <xdr:cNvSpPr txBox="1"/>
      </xdr:nvSpPr>
      <xdr:spPr>
        <a:xfrm>
          <a:off x="4124960" y="6939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2484</xdr:rowOff>
    </xdr:from>
    <xdr:to>
      <xdr:col>24</xdr:col>
      <xdr:colOff>152400</xdr:colOff>
      <xdr:row>41</xdr:row>
      <xdr:rowOff>62484</xdr:rowOff>
    </xdr:to>
    <xdr:cxnSp macro="">
      <xdr:nvCxnSpPr>
        <xdr:cNvPr id="57" name="直線コネクタ 56">
          <a:extLst>
            <a:ext uri="{FF2B5EF4-FFF2-40B4-BE49-F238E27FC236}">
              <a16:creationId xmlns:a16="http://schemas.microsoft.com/office/drawing/2014/main" id="{440A8DEE-ADD4-4A6C-9986-3E60558A8756}"/>
            </a:ext>
          </a:extLst>
        </xdr:cNvPr>
        <xdr:cNvCxnSpPr/>
      </xdr:nvCxnSpPr>
      <xdr:spPr>
        <a:xfrm>
          <a:off x="4020820" y="693572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5163</xdr:rowOff>
    </xdr:from>
    <xdr:ext cx="405111" cy="259045"/>
    <xdr:sp macro="" textlink="">
      <xdr:nvSpPr>
        <xdr:cNvPr id="58" name="【道路】&#10;有形固定資産減価償却率最大値テキスト">
          <a:extLst>
            <a:ext uri="{FF2B5EF4-FFF2-40B4-BE49-F238E27FC236}">
              <a16:creationId xmlns:a16="http://schemas.microsoft.com/office/drawing/2014/main" id="{6145D7C5-9391-4C56-A88D-1DD381F8D5E4}"/>
            </a:ext>
          </a:extLst>
        </xdr:cNvPr>
        <xdr:cNvSpPr txBox="1"/>
      </xdr:nvSpPr>
      <xdr:spPr>
        <a:xfrm>
          <a:off x="4124960" y="53896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8486</xdr:rowOff>
    </xdr:from>
    <xdr:to>
      <xdr:col>24</xdr:col>
      <xdr:colOff>152400</xdr:colOff>
      <xdr:row>33</xdr:row>
      <xdr:rowOff>78486</xdr:rowOff>
    </xdr:to>
    <xdr:cxnSp macro="">
      <xdr:nvCxnSpPr>
        <xdr:cNvPr id="59" name="直線コネクタ 58">
          <a:extLst>
            <a:ext uri="{FF2B5EF4-FFF2-40B4-BE49-F238E27FC236}">
              <a16:creationId xmlns:a16="http://schemas.microsoft.com/office/drawing/2014/main" id="{758E39DB-45EC-46FF-AD0D-6B5E89E81B23}"/>
            </a:ext>
          </a:extLst>
        </xdr:cNvPr>
        <xdr:cNvCxnSpPr/>
      </xdr:nvCxnSpPr>
      <xdr:spPr>
        <a:xfrm>
          <a:off x="4020820" y="56106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34561</xdr:rowOff>
    </xdr:from>
    <xdr:ext cx="405111" cy="259045"/>
    <xdr:sp macro="" textlink="">
      <xdr:nvSpPr>
        <xdr:cNvPr id="60" name="【道路】&#10;有形固定資産減価償却率平均値テキスト">
          <a:extLst>
            <a:ext uri="{FF2B5EF4-FFF2-40B4-BE49-F238E27FC236}">
              <a16:creationId xmlns:a16="http://schemas.microsoft.com/office/drawing/2014/main" id="{697F8D81-5BEA-4934-916A-142601ABC3E8}"/>
            </a:ext>
          </a:extLst>
        </xdr:cNvPr>
        <xdr:cNvSpPr txBox="1"/>
      </xdr:nvSpPr>
      <xdr:spPr>
        <a:xfrm>
          <a:off x="4124960" y="60696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684</xdr:rowOff>
    </xdr:from>
    <xdr:to>
      <xdr:col>24</xdr:col>
      <xdr:colOff>114300</xdr:colOff>
      <xdr:row>37</xdr:row>
      <xdr:rowOff>113284</xdr:rowOff>
    </xdr:to>
    <xdr:sp macro="" textlink="">
      <xdr:nvSpPr>
        <xdr:cNvPr id="61" name="フローチャート: 判断 60">
          <a:extLst>
            <a:ext uri="{FF2B5EF4-FFF2-40B4-BE49-F238E27FC236}">
              <a16:creationId xmlns:a16="http://schemas.microsoft.com/office/drawing/2014/main" id="{CA62F6C9-3315-43C9-A92D-183CDC3744F1}"/>
            </a:ext>
          </a:extLst>
        </xdr:cNvPr>
        <xdr:cNvSpPr/>
      </xdr:nvSpPr>
      <xdr:spPr>
        <a:xfrm>
          <a:off x="4036060" y="621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4846</xdr:rowOff>
    </xdr:from>
    <xdr:to>
      <xdr:col>20</xdr:col>
      <xdr:colOff>38100</xdr:colOff>
      <xdr:row>37</xdr:row>
      <xdr:rowOff>94996</xdr:rowOff>
    </xdr:to>
    <xdr:sp macro="" textlink="">
      <xdr:nvSpPr>
        <xdr:cNvPr id="62" name="フローチャート: 判断 61">
          <a:extLst>
            <a:ext uri="{FF2B5EF4-FFF2-40B4-BE49-F238E27FC236}">
              <a16:creationId xmlns:a16="http://schemas.microsoft.com/office/drawing/2014/main" id="{A8A13443-6DC6-445D-BBE0-FABF77970C5B}"/>
            </a:ext>
          </a:extLst>
        </xdr:cNvPr>
        <xdr:cNvSpPr/>
      </xdr:nvSpPr>
      <xdr:spPr>
        <a:xfrm>
          <a:off x="3312160" y="619988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28270</xdr:rowOff>
    </xdr:from>
    <xdr:to>
      <xdr:col>15</xdr:col>
      <xdr:colOff>101600</xdr:colOff>
      <xdr:row>37</xdr:row>
      <xdr:rowOff>58420</xdr:rowOff>
    </xdr:to>
    <xdr:sp macro="" textlink="">
      <xdr:nvSpPr>
        <xdr:cNvPr id="63" name="フローチャート: 判断 62">
          <a:extLst>
            <a:ext uri="{FF2B5EF4-FFF2-40B4-BE49-F238E27FC236}">
              <a16:creationId xmlns:a16="http://schemas.microsoft.com/office/drawing/2014/main" id="{003830E5-2B6C-45B0-9F4E-DC26A4A22C07}"/>
            </a:ext>
          </a:extLst>
        </xdr:cNvPr>
        <xdr:cNvSpPr/>
      </xdr:nvSpPr>
      <xdr:spPr>
        <a:xfrm>
          <a:off x="2514600" y="61633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03124</xdr:rowOff>
    </xdr:from>
    <xdr:to>
      <xdr:col>10</xdr:col>
      <xdr:colOff>165100</xdr:colOff>
      <xdr:row>37</xdr:row>
      <xdr:rowOff>33274</xdr:rowOff>
    </xdr:to>
    <xdr:sp macro="" textlink="">
      <xdr:nvSpPr>
        <xdr:cNvPr id="64" name="フローチャート: 判断 63">
          <a:extLst>
            <a:ext uri="{FF2B5EF4-FFF2-40B4-BE49-F238E27FC236}">
              <a16:creationId xmlns:a16="http://schemas.microsoft.com/office/drawing/2014/main" id="{F8BDC1B9-446E-4908-9E6C-8771522F3BE9}"/>
            </a:ext>
          </a:extLst>
        </xdr:cNvPr>
        <xdr:cNvSpPr/>
      </xdr:nvSpPr>
      <xdr:spPr>
        <a:xfrm>
          <a:off x="1739900" y="61381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80264</xdr:rowOff>
    </xdr:from>
    <xdr:to>
      <xdr:col>6</xdr:col>
      <xdr:colOff>38100</xdr:colOff>
      <xdr:row>37</xdr:row>
      <xdr:rowOff>10414</xdr:rowOff>
    </xdr:to>
    <xdr:sp macro="" textlink="">
      <xdr:nvSpPr>
        <xdr:cNvPr id="65" name="フローチャート: 判断 64">
          <a:extLst>
            <a:ext uri="{FF2B5EF4-FFF2-40B4-BE49-F238E27FC236}">
              <a16:creationId xmlns:a16="http://schemas.microsoft.com/office/drawing/2014/main" id="{0F033CA9-99CA-442A-BCC3-5C43C53A25C0}"/>
            </a:ext>
          </a:extLst>
        </xdr:cNvPr>
        <xdr:cNvSpPr/>
      </xdr:nvSpPr>
      <xdr:spPr>
        <a:xfrm>
          <a:off x="965200" y="611530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AAA98E3D-AD2F-48FC-800E-EBCEAF5C76BC}"/>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E418ED90-7ED8-46BC-857D-1CDACBA747CE}"/>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EF0A4C2D-8EC2-46FC-9AB0-5F37907815F2}"/>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821E6E87-7A01-4100-BAA8-AED3CA8F5A79}"/>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4AE2AF0-D4F3-49DC-B6EF-2EFD2561B3FF}"/>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67132</xdr:rowOff>
    </xdr:from>
    <xdr:to>
      <xdr:col>24</xdr:col>
      <xdr:colOff>114300</xdr:colOff>
      <xdr:row>39</xdr:row>
      <xdr:rowOff>97282</xdr:rowOff>
    </xdr:to>
    <xdr:sp macro="" textlink="">
      <xdr:nvSpPr>
        <xdr:cNvPr id="71" name="楕円 70">
          <a:extLst>
            <a:ext uri="{FF2B5EF4-FFF2-40B4-BE49-F238E27FC236}">
              <a16:creationId xmlns:a16="http://schemas.microsoft.com/office/drawing/2014/main" id="{D5889BEF-9979-4A5D-ACC9-E8F612A4D9A4}"/>
            </a:ext>
          </a:extLst>
        </xdr:cNvPr>
        <xdr:cNvSpPr/>
      </xdr:nvSpPr>
      <xdr:spPr>
        <a:xfrm>
          <a:off x="4036060" y="653745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45559</xdr:rowOff>
    </xdr:from>
    <xdr:ext cx="405111" cy="259045"/>
    <xdr:sp macro="" textlink="">
      <xdr:nvSpPr>
        <xdr:cNvPr id="72" name="【道路】&#10;有形固定資産減価償却率該当値テキスト">
          <a:extLst>
            <a:ext uri="{FF2B5EF4-FFF2-40B4-BE49-F238E27FC236}">
              <a16:creationId xmlns:a16="http://schemas.microsoft.com/office/drawing/2014/main" id="{407C5FB5-B9C5-43A7-AD6E-F335F33D4764}"/>
            </a:ext>
          </a:extLst>
        </xdr:cNvPr>
        <xdr:cNvSpPr txBox="1"/>
      </xdr:nvSpPr>
      <xdr:spPr>
        <a:xfrm>
          <a:off x="4124960" y="6515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48844</xdr:rowOff>
    </xdr:from>
    <xdr:to>
      <xdr:col>20</xdr:col>
      <xdr:colOff>38100</xdr:colOff>
      <xdr:row>39</xdr:row>
      <xdr:rowOff>78994</xdr:rowOff>
    </xdr:to>
    <xdr:sp macro="" textlink="">
      <xdr:nvSpPr>
        <xdr:cNvPr id="73" name="楕円 72">
          <a:extLst>
            <a:ext uri="{FF2B5EF4-FFF2-40B4-BE49-F238E27FC236}">
              <a16:creationId xmlns:a16="http://schemas.microsoft.com/office/drawing/2014/main" id="{ADEC2707-7D51-4C88-BACE-D52491F831AF}"/>
            </a:ext>
          </a:extLst>
        </xdr:cNvPr>
        <xdr:cNvSpPr/>
      </xdr:nvSpPr>
      <xdr:spPr>
        <a:xfrm>
          <a:off x="3312160" y="65191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28194</xdr:rowOff>
    </xdr:from>
    <xdr:to>
      <xdr:col>24</xdr:col>
      <xdr:colOff>63500</xdr:colOff>
      <xdr:row>39</xdr:row>
      <xdr:rowOff>46482</xdr:rowOff>
    </xdr:to>
    <xdr:cxnSp macro="">
      <xdr:nvCxnSpPr>
        <xdr:cNvPr id="74" name="直線コネクタ 73">
          <a:extLst>
            <a:ext uri="{FF2B5EF4-FFF2-40B4-BE49-F238E27FC236}">
              <a16:creationId xmlns:a16="http://schemas.microsoft.com/office/drawing/2014/main" id="{A260EBE6-CCAA-48CE-9980-AD7C0FEE3A93}"/>
            </a:ext>
          </a:extLst>
        </xdr:cNvPr>
        <xdr:cNvCxnSpPr/>
      </xdr:nvCxnSpPr>
      <xdr:spPr>
        <a:xfrm>
          <a:off x="3355340" y="6566154"/>
          <a:ext cx="73152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32842</xdr:rowOff>
    </xdr:from>
    <xdr:to>
      <xdr:col>15</xdr:col>
      <xdr:colOff>101600</xdr:colOff>
      <xdr:row>39</xdr:row>
      <xdr:rowOff>62992</xdr:rowOff>
    </xdr:to>
    <xdr:sp macro="" textlink="">
      <xdr:nvSpPr>
        <xdr:cNvPr id="75" name="楕円 74">
          <a:extLst>
            <a:ext uri="{FF2B5EF4-FFF2-40B4-BE49-F238E27FC236}">
              <a16:creationId xmlns:a16="http://schemas.microsoft.com/office/drawing/2014/main" id="{C491BA7E-7BC7-4C5C-BAF7-2DADDC530A36}"/>
            </a:ext>
          </a:extLst>
        </xdr:cNvPr>
        <xdr:cNvSpPr/>
      </xdr:nvSpPr>
      <xdr:spPr>
        <a:xfrm>
          <a:off x="2514600" y="650316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2192</xdr:rowOff>
    </xdr:from>
    <xdr:to>
      <xdr:col>19</xdr:col>
      <xdr:colOff>177800</xdr:colOff>
      <xdr:row>39</xdr:row>
      <xdr:rowOff>28194</xdr:rowOff>
    </xdr:to>
    <xdr:cxnSp macro="">
      <xdr:nvCxnSpPr>
        <xdr:cNvPr id="76" name="直線コネクタ 75">
          <a:extLst>
            <a:ext uri="{FF2B5EF4-FFF2-40B4-BE49-F238E27FC236}">
              <a16:creationId xmlns:a16="http://schemas.microsoft.com/office/drawing/2014/main" id="{C72F525C-9AB2-4C99-965B-AA231D2CFC56}"/>
            </a:ext>
          </a:extLst>
        </xdr:cNvPr>
        <xdr:cNvCxnSpPr/>
      </xdr:nvCxnSpPr>
      <xdr:spPr>
        <a:xfrm>
          <a:off x="2565400" y="6550152"/>
          <a:ext cx="78994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05410</xdr:rowOff>
    </xdr:from>
    <xdr:to>
      <xdr:col>10</xdr:col>
      <xdr:colOff>165100</xdr:colOff>
      <xdr:row>39</xdr:row>
      <xdr:rowOff>35560</xdr:rowOff>
    </xdr:to>
    <xdr:sp macro="" textlink="">
      <xdr:nvSpPr>
        <xdr:cNvPr id="77" name="楕円 76">
          <a:extLst>
            <a:ext uri="{FF2B5EF4-FFF2-40B4-BE49-F238E27FC236}">
              <a16:creationId xmlns:a16="http://schemas.microsoft.com/office/drawing/2014/main" id="{E3592449-1F4E-4439-AD1B-39F38D158B39}"/>
            </a:ext>
          </a:extLst>
        </xdr:cNvPr>
        <xdr:cNvSpPr/>
      </xdr:nvSpPr>
      <xdr:spPr>
        <a:xfrm>
          <a:off x="1739900" y="64757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56210</xdr:rowOff>
    </xdr:from>
    <xdr:to>
      <xdr:col>15</xdr:col>
      <xdr:colOff>50800</xdr:colOff>
      <xdr:row>39</xdr:row>
      <xdr:rowOff>12192</xdr:rowOff>
    </xdr:to>
    <xdr:cxnSp macro="">
      <xdr:nvCxnSpPr>
        <xdr:cNvPr id="78" name="直線コネクタ 77">
          <a:extLst>
            <a:ext uri="{FF2B5EF4-FFF2-40B4-BE49-F238E27FC236}">
              <a16:creationId xmlns:a16="http://schemas.microsoft.com/office/drawing/2014/main" id="{A163C08B-85DE-423F-A0D8-5BADCE4765D7}"/>
            </a:ext>
          </a:extLst>
        </xdr:cNvPr>
        <xdr:cNvCxnSpPr/>
      </xdr:nvCxnSpPr>
      <xdr:spPr>
        <a:xfrm>
          <a:off x="1790700" y="6526530"/>
          <a:ext cx="774700" cy="2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77978</xdr:rowOff>
    </xdr:from>
    <xdr:to>
      <xdr:col>6</xdr:col>
      <xdr:colOff>38100</xdr:colOff>
      <xdr:row>39</xdr:row>
      <xdr:rowOff>8128</xdr:rowOff>
    </xdr:to>
    <xdr:sp macro="" textlink="">
      <xdr:nvSpPr>
        <xdr:cNvPr id="79" name="楕円 78">
          <a:extLst>
            <a:ext uri="{FF2B5EF4-FFF2-40B4-BE49-F238E27FC236}">
              <a16:creationId xmlns:a16="http://schemas.microsoft.com/office/drawing/2014/main" id="{AB586848-8E4D-402A-B711-3F147D734B1B}"/>
            </a:ext>
          </a:extLst>
        </xdr:cNvPr>
        <xdr:cNvSpPr/>
      </xdr:nvSpPr>
      <xdr:spPr>
        <a:xfrm>
          <a:off x="965200" y="644829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28778</xdr:rowOff>
    </xdr:from>
    <xdr:to>
      <xdr:col>10</xdr:col>
      <xdr:colOff>114300</xdr:colOff>
      <xdr:row>38</xdr:row>
      <xdr:rowOff>156210</xdr:rowOff>
    </xdr:to>
    <xdr:cxnSp macro="">
      <xdr:nvCxnSpPr>
        <xdr:cNvPr id="80" name="直線コネクタ 79">
          <a:extLst>
            <a:ext uri="{FF2B5EF4-FFF2-40B4-BE49-F238E27FC236}">
              <a16:creationId xmlns:a16="http://schemas.microsoft.com/office/drawing/2014/main" id="{4B97AE0A-F900-456A-8458-907EFEE5D4F3}"/>
            </a:ext>
          </a:extLst>
        </xdr:cNvPr>
        <xdr:cNvCxnSpPr/>
      </xdr:nvCxnSpPr>
      <xdr:spPr>
        <a:xfrm>
          <a:off x="1008380" y="6499098"/>
          <a:ext cx="78232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11523</xdr:rowOff>
    </xdr:from>
    <xdr:ext cx="405111" cy="259045"/>
    <xdr:sp macro="" textlink="">
      <xdr:nvSpPr>
        <xdr:cNvPr id="81" name="n_1aveValue【道路】&#10;有形固定資産減価償却率">
          <a:extLst>
            <a:ext uri="{FF2B5EF4-FFF2-40B4-BE49-F238E27FC236}">
              <a16:creationId xmlns:a16="http://schemas.microsoft.com/office/drawing/2014/main" id="{86CBCBE3-8A60-495E-9251-D5BB064271AA}"/>
            </a:ext>
          </a:extLst>
        </xdr:cNvPr>
        <xdr:cNvSpPr txBox="1"/>
      </xdr:nvSpPr>
      <xdr:spPr>
        <a:xfrm>
          <a:off x="3170564" y="59789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74947</xdr:rowOff>
    </xdr:from>
    <xdr:ext cx="405111" cy="259045"/>
    <xdr:sp macro="" textlink="">
      <xdr:nvSpPr>
        <xdr:cNvPr id="82" name="n_2aveValue【道路】&#10;有形固定資産減価償却率">
          <a:extLst>
            <a:ext uri="{FF2B5EF4-FFF2-40B4-BE49-F238E27FC236}">
              <a16:creationId xmlns:a16="http://schemas.microsoft.com/office/drawing/2014/main" id="{B6B8AE09-C50F-4A4C-B2A4-E2A9F936D401}"/>
            </a:ext>
          </a:extLst>
        </xdr:cNvPr>
        <xdr:cNvSpPr txBox="1"/>
      </xdr:nvSpPr>
      <xdr:spPr>
        <a:xfrm>
          <a:off x="2385704" y="594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49801</xdr:rowOff>
    </xdr:from>
    <xdr:ext cx="405111" cy="259045"/>
    <xdr:sp macro="" textlink="">
      <xdr:nvSpPr>
        <xdr:cNvPr id="83" name="n_3aveValue【道路】&#10;有形固定資産減価償却率">
          <a:extLst>
            <a:ext uri="{FF2B5EF4-FFF2-40B4-BE49-F238E27FC236}">
              <a16:creationId xmlns:a16="http://schemas.microsoft.com/office/drawing/2014/main" id="{432D138B-2CED-44FD-8CFC-D3900E613FF3}"/>
            </a:ext>
          </a:extLst>
        </xdr:cNvPr>
        <xdr:cNvSpPr txBox="1"/>
      </xdr:nvSpPr>
      <xdr:spPr>
        <a:xfrm>
          <a:off x="1611004" y="5917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26941</xdr:rowOff>
    </xdr:from>
    <xdr:ext cx="405111" cy="259045"/>
    <xdr:sp macro="" textlink="">
      <xdr:nvSpPr>
        <xdr:cNvPr id="84" name="n_4aveValue【道路】&#10;有形固定資産減価償却率">
          <a:extLst>
            <a:ext uri="{FF2B5EF4-FFF2-40B4-BE49-F238E27FC236}">
              <a16:creationId xmlns:a16="http://schemas.microsoft.com/office/drawing/2014/main" id="{7C07FED0-2DD0-4558-9167-9C63139896D4}"/>
            </a:ext>
          </a:extLst>
        </xdr:cNvPr>
        <xdr:cNvSpPr txBox="1"/>
      </xdr:nvSpPr>
      <xdr:spPr>
        <a:xfrm>
          <a:off x="836304" y="5894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70121</xdr:rowOff>
    </xdr:from>
    <xdr:ext cx="405111" cy="259045"/>
    <xdr:sp macro="" textlink="">
      <xdr:nvSpPr>
        <xdr:cNvPr id="85" name="n_1mainValue【道路】&#10;有形固定資産減価償却率">
          <a:extLst>
            <a:ext uri="{FF2B5EF4-FFF2-40B4-BE49-F238E27FC236}">
              <a16:creationId xmlns:a16="http://schemas.microsoft.com/office/drawing/2014/main" id="{0BAA5C76-6990-4BFA-B3E0-92EE805E473C}"/>
            </a:ext>
          </a:extLst>
        </xdr:cNvPr>
        <xdr:cNvSpPr txBox="1"/>
      </xdr:nvSpPr>
      <xdr:spPr>
        <a:xfrm>
          <a:off x="3170564" y="6608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54119</xdr:rowOff>
    </xdr:from>
    <xdr:ext cx="405111" cy="259045"/>
    <xdr:sp macro="" textlink="">
      <xdr:nvSpPr>
        <xdr:cNvPr id="86" name="n_2mainValue【道路】&#10;有形固定資産減価償却率">
          <a:extLst>
            <a:ext uri="{FF2B5EF4-FFF2-40B4-BE49-F238E27FC236}">
              <a16:creationId xmlns:a16="http://schemas.microsoft.com/office/drawing/2014/main" id="{F8FE5F42-AF29-4462-8217-22B296BBA258}"/>
            </a:ext>
          </a:extLst>
        </xdr:cNvPr>
        <xdr:cNvSpPr txBox="1"/>
      </xdr:nvSpPr>
      <xdr:spPr>
        <a:xfrm>
          <a:off x="2385704" y="6592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26687</xdr:rowOff>
    </xdr:from>
    <xdr:ext cx="405111" cy="259045"/>
    <xdr:sp macro="" textlink="">
      <xdr:nvSpPr>
        <xdr:cNvPr id="87" name="n_3mainValue【道路】&#10;有形固定資産減価償却率">
          <a:extLst>
            <a:ext uri="{FF2B5EF4-FFF2-40B4-BE49-F238E27FC236}">
              <a16:creationId xmlns:a16="http://schemas.microsoft.com/office/drawing/2014/main" id="{E2BF4C4E-1C47-4E96-A4ED-B6C27A2077BE}"/>
            </a:ext>
          </a:extLst>
        </xdr:cNvPr>
        <xdr:cNvSpPr txBox="1"/>
      </xdr:nvSpPr>
      <xdr:spPr>
        <a:xfrm>
          <a:off x="1611004" y="656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70705</xdr:rowOff>
    </xdr:from>
    <xdr:ext cx="405111" cy="259045"/>
    <xdr:sp macro="" textlink="">
      <xdr:nvSpPr>
        <xdr:cNvPr id="88" name="n_4mainValue【道路】&#10;有形固定資産減価償却率">
          <a:extLst>
            <a:ext uri="{FF2B5EF4-FFF2-40B4-BE49-F238E27FC236}">
              <a16:creationId xmlns:a16="http://schemas.microsoft.com/office/drawing/2014/main" id="{F07B76AD-1B0E-454E-A55E-7597B213EF0B}"/>
            </a:ext>
          </a:extLst>
        </xdr:cNvPr>
        <xdr:cNvSpPr txBox="1"/>
      </xdr:nvSpPr>
      <xdr:spPr>
        <a:xfrm>
          <a:off x="836304" y="6541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86B70130-C7A8-43FA-AC37-0150B328A2A1}"/>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2E8F93E9-FFD6-47FC-8333-FB1E91AEDD0F}"/>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BCB513C1-400E-406E-B7B6-F78D28B5823B}"/>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CE047123-9B14-40EE-A30D-B8FF9B7A7465}"/>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6AAD1688-05E7-4D01-A3DD-83D0604D4E75}"/>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E20A9215-67FC-43B9-9D0C-9149F0683224}"/>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AF9EF184-E7E5-4FA5-A4C7-911FBFA7CA6B}"/>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BF044E9B-2B4B-44CA-956A-9BE6D51D28CD}"/>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3C338F28-018A-4BC6-8C96-ED5E47EA6BEA}"/>
            </a:ext>
          </a:extLst>
        </xdr:cNvPr>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866841D3-AC2A-4305-9626-3B879DF1E916}"/>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535096F1-E3F7-44B4-A8F4-3E4794B4A830}"/>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E5C6C90D-DE11-4014-92DF-B284D8BD442E}"/>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47394DBA-FEC7-4012-A935-FE18A38451D0}"/>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2" name="テキスト ボックス 101">
          <a:extLst>
            <a:ext uri="{FF2B5EF4-FFF2-40B4-BE49-F238E27FC236}">
              <a16:creationId xmlns:a16="http://schemas.microsoft.com/office/drawing/2014/main" id="{BCF57B5E-6FA3-4557-ADE2-A50B58655382}"/>
            </a:ext>
          </a:extLst>
        </xdr:cNvPr>
        <xdr:cNvSpPr txBox="1"/>
      </xdr:nvSpPr>
      <xdr:spPr>
        <a:xfrm>
          <a:off x="5364041" y="65671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00E356B7-2114-4151-91CC-CC80230E6FB5}"/>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id="{9E3BBD7D-01E8-4993-9C50-9F2B938E29D9}"/>
            </a:ext>
          </a:extLst>
        </xdr:cNvPr>
        <xdr:cNvSpPr txBox="1"/>
      </xdr:nvSpPr>
      <xdr:spPr>
        <a:xfrm>
          <a:off x="5364041" y="61976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B8BD0C5E-6303-452A-860F-83EC424819EC}"/>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id="{FA07EB60-FA99-455D-990A-0CEE61B7507D}"/>
            </a:ext>
          </a:extLst>
        </xdr:cNvPr>
        <xdr:cNvSpPr txBox="1"/>
      </xdr:nvSpPr>
      <xdr:spPr>
        <a:xfrm>
          <a:off x="5364041" y="58242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428C8620-82C2-490F-8789-C71CE8560035}"/>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id="{D3CB686B-C9CF-4922-AEAB-FC3134E6E964}"/>
            </a:ext>
          </a:extLst>
        </xdr:cNvPr>
        <xdr:cNvSpPr txBox="1"/>
      </xdr:nvSpPr>
      <xdr:spPr>
        <a:xfrm>
          <a:off x="5364041" y="54508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34969FF3-D07A-43C4-B1CC-0D3AF6C6C557}"/>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id="{C6A67B0D-5C9A-44D0-80B8-ED0AA06A437E}"/>
            </a:ext>
          </a:extLst>
        </xdr:cNvPr>
        <xdr:cNvSpPr txBox="1"/>
      </xdr:nvSpPr>
      <xdr:spPr>
        <a:xfrm>
          <a:off x="529992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9CCC16F6-3215-4A86-B6C7-89A893006AEA}"/>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87859</xdr:rowOff>
    </xdr:from>
    <xdr:to>
      <xdr:col>54</xdr:col>
      <xdr:colOff>189865</xdr:colOff>
      <xdr:row>41</xdr:row>
      <xdr:rowOff>149123</xdr:rowOff>
    </xdr:to>
    <xdr:cxnSp macro="">
      <xdr:nvCxnSpPr>
        <xdr:cNvPr id="112" name="直線コネクタ 111">
          <a:extLst>
            <a:ext uri="{FF2B5EF4-FFF2-40B4-BE49-F238E27FC236}">
              <a16:creationId xmlns:a16="http://schemas.microsoft.com/office/drawing/2014/main" id="{278D0613-4FD8-4908-BC76-76BE6FCCCEBA}"/>
            </a:ext>
          </a:extLst>
        </xdr:cNvPr>
        <xdr:cNvCxnSpPr/>
      </xdr:nvCxnSpPr>
      <xdr:spPr>
        <a:xfrm flipV="1">
          <a:off x="9219565" y="5787619"/>
          <a:ext cx="0" cy="12347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52950</xdr:rowOff>
    </xdr:from>
    <xdr:ext cx="469744" cy="259045"/>
    <xdr:sp macro="" textlink="">
      <xdr:nvSpPr>
        <xdr:cNvPr id="113" name="【道路】&#10;一人当たり延長最小値テキスト">
          <a:extLst>
            <a:ext uri="{FF2B5EF4-FFF2-40B4-BE49-F238E27FC236}">
              <a16:creationId xmlns:a16="http://schemas.microsoft.com/office/drawing/2014/main" id="{E1C37C19-7CCD-4365-8546-B319C63A658F}"/>
            </a:ext>
          </a:extLst>
        </xdr:cNvPr>
        <xdr:cNvSpPr txBox="1"/>
      </xdr:nvSpPr>
      <xdr:spPr>
        <a:xfrm>
          <a:off x="9258300" y="7026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9123</xdr:rowOff>
    </xdr:from>
    <xdr:to>
      <xdr:col>55</xdr:col>
      <xdr:colOff>88900</xdr:colOff>
      <xdr:row>41</xdr:row>
      <xdr:rowOff>149123</xdr:rowOff>
    </xdr:to>
    <xdr:cxnSp macro="">
      <xdr:nvCxnSpPr>
        <xdr:cNvPr id="114" name="直線コネクタ 113">
          <a:extLst>
            <a:ext uri="{FF2B5EF4-FFF2-40B4-BE49-F238E27FC236}">
              <a16:creationId xmlns:a16="http://schemas.microsoft.com/office/drawing/2014/main" id="{6C73C4C8-7BC8-4B65-9178-906194388C5F}"/>
            </a:ext>
          </a:extLst>
        </xdr:cNvPr>
        <xdr:cNvCxnSpPr/>
      </xdr:nvCxnSpPr>
      <xdr:spPr>
        <a:xfrm>
          <a:off x="9154160" y="702236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4536</xdr:rowOff>
    </xdr:from>
    <xdr:ext cx="534377" cy="259045"/>
    <xdr:sp macro="" textlink="">
      <xdr:nvSpPr>
        <xdr:cNvPr id="115" name="【道路】&#10;一人当たり延長最大値テキスト">
          <a:extLst>
            <a:ext uri="{FF2B5EF4-FFF2-40B4-BE49-F238E27FC236}">
              <a16:creationId xmlns:a16="http://schemas.microsoft.com/office/drawing/2014/main" id="{4A65C95D-E053-4C53-B264-DAB9EC3D8FEB}"/>
            </a:ext>
          </a:extLst>
        </xdr:cNvPr>
        <xdr:cNvSpPr txBox="1"/>
      </xdr:nvSpPr>
      <xdr:spPr>
        <a:xfrm>
          <a:off x="9258300" y="5566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87859</xdr:rowOff>
    </xdr:from>
    <xdr:to>
      <xdr:col>55</xdr:col>
      <xdr:colOff>88900</xdr:colOff>
      <xdr:row>34</xdr:row>
      <xdr:rowOff>87859</xdr:rowOff>
    </xdr:to>
    <xdr:cxnSp macro="">
      <xdr:nvCxnSpPr>
        <xdr:cNvPr id="116" name="直線コネクタ 115">
          <a:extLst>
            <a:ext uri="{FF2B5EF4-FFF2-40B4-BE49-F238E27FC236}">
              <a16:creationId xmlns:a16="http://schemas.microsoft.com/office/drawing/2014/main" id="{5404696C-EF0E-448A-BA1E-9A9096F3D853}"/>
            </a:ext>
          </a:extLst>
        </xdr:cNvPr>
        <xdr:cNvCxnSpPr/>
      </xdr:nvCxnSpPr>
      <xdr:spPr>
        <a:xfrm>
          <a:off x="9154160" y="578761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0322</xdr:rowOff>
    </xdr:from>
    <xdr:ext cx="534377" cy="259045"/>
    <xdr:sp macro="" textlink="">
      <xdr:nvSpPr>
        <xdr:cNvPr id="117" name="【道路】&#10;一人当たり延長平均値テキスト">
          <a:extLst>
            <a:ext uri="{FF2B5EF4-FFF2-40B4-BE49-F238E27FC236}">
              <a16:creationId xmlns:a16="http://schemas.microsoft.com/office/drawing/2014/main" id="{DBC2D39E-11BB-4F79-B835-C4DAC616A7AB}"/>
            </a:ext>
          </a:extLst>
        </xdr:cNvPr>
        <xdr:cNvSpPr txBox="1"/>
      </xdr:nvSpPr>
      <xdr:spPr>
        <a:xfrm>
          <a:off x="9258300" y="64706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77445</xdr:rowOff>
    </xdr:from>
    <xdr:to>
      <xdr:col>55</xdr:col>
      <xdr:colOff>50800</xdr:colOff>
      <xdr:row>40</xdr:row>
      <xdr:rowOff>7595</xdr:rowOff>
    </xdr:to>
    <xdr:sp macro="" textlink="">
      <xdr:nvSpPr>
        <xdr:cNvPr id="118" name="フローチャート: 判断 117">
          <a:extLst>
            <a:ext uri="{FF2B5EF4-FFF2-40B4-BE49-F238E27FC236}">
              <a16:creationId xmlns:a16="http://schemas.microsoft.com/office/drawing/2014/main" id="{615B1A67-B12E-4786-A521-0AC3F70E6990}"/>
            </a:ext>
          </a:extLst>
        </xdr:cNvPr>
        <xdr:cNvSpPr/>
      </xdr:nvSpPr>
      <xdr:spPr>
        <a:xfrm>
          <a:off x="9192260" y="661540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7237</xdr:rowOff>
    </xdr:from>
    <xdr:to>
      <xdr:col>50</xdr:col>
      <xdr:colOff>165100</xdr:colOff>
      <xdr:row>40</xdr:row>
      <xdr:rowOff>17387</xdr:rowOff>
    </xdr:to>
    <xdr:sp macro="" textlink="">
      <xdr:nvSpPr>
        <xdr:cNvPr id="119" name="フローチャート: 判断 118">
          <a:extLst>
            <a:ext uri="{FF2B5EF4-FFF2-40B4-BE49-F238E27FC236}">
              <a16:creationId xmlns:a16="http://schemas.microsoft.com/office/drawing/2014/main" id="{8A1206A3-4EDA-4171-8C91-71DBBC56F10B}"/>
            </a:ext>
          </a:extLst>
        </xdr:cNvPr>
        <xdr:cNvSpPr/>
      </xdr:nvSpPr>
      <xdr:spPr>
        <a:xfrm>
          <a:off x="8445500" y="662519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98266</xdr:rowOff>
    </xdr:from>
    <xdr:to>
      <xdr:col>46</xdr:col>
      <xdr:colOff>38100</xdr:colOff>
      <xdr:row>40</xdr:row>
      <xdr:rowOff>28416</xdr:rowOff>
    </xdr:to>
    <xdr:sp macro="" textlink="">
      <xdr:nvSpPr>
        <xdr:cNvPr id="120" name="フローチャート: 判断 119">
          <a:extLst>
            <a:ext uri="{FF2B5EF4-FFF2-40B4-BE49-F238E27FC236}">
              <a16:creationId xmlns:a16="http://schemas.microsoft.com/office/drawing/2014/main" id="{3B30EE55-ECA5-4D74-9401-18B046E36B2D}"/>
            </a:ext>
          </a:extLst>
        </xdr:cNvPr>
        <xdr:cNvSpPr/>
      </xdr:nvSpPr>
      <xdr:spPr>
        <a:xfrm>
          <a:off x="7670800" y="663622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03200</xdr:rowOff>
    </xdr:from>
    <xdr:to>
      <xdr:col>41</xdr:col>
      <xdr:colOff>101600</xdr:colOff>
      <xdr:row>40</xdr:row>
      <xdr:rowOff>33350</xdr:rowOff>
    </xdr:to>
    <xdr:sp macro="" textlink="">
      <xdr:nvSpPr>
        <xdr:cNvPr id="121" name="フローチャート: 判断 120">
          <a:extLst>
            <a:ext uri="{FF2B5EF4-FFF2-40B4-BE49-F238E27FC236}">
              <a16:creationId xmlns:a16="http://schemas.microsoft.com/office/drawing/2014/main" id="{28EA718E-CBBA-4DD7-A956-E5324FC4E053}"/>
            </a:ext>
          </a:extLst>
        </xdr:cNvPr>
        <xdr:cNvSpPr/>
      </xdr:nvSpPr>
      <xdr:spPr>
        <a:xfrm>
          <a:off x="6873240" y="66411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3641</xdr:rowOff>
    </xdr:from>
    <xdr:to>
      <xdr:col>36</xdr:col>
      <xdr:colOff>165100</xdr:colOff>
      <xdr:row>40</xdr:row>
      <xdr:rowOff>53791</xdr:rowOff>
    </xdr:to>
    <xdr:sp macro="" textlink="">
      <xdr:nvSpPr>
        <xdr:cNvPr id="122" name="フローチャート: 判断 121">
          <a:extLst>
            <a:ext uri="{FF2B5EF4-FFF2-40B4-BE49-F238E27FC236}">
              <a16:creationId xmlns:a16="http://schemas.microsoft.com/office/drawing/2014/main" id="{46BABB19-AA74-4090-AD89-77F0836192BC}"/>
            </a:ext>
          </a:extLst>
        </xdr:cNvPr>
        <xdr:cNvSpPr/>
      </xdr:nvSpPr>
      <xdr:spPr>
        <a:xfrm>
          <a:off x="6098540" y="66616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7EED89E7-FFBB-475C-8FA1-908616E33688}"/>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C19B4EF6-360C-4DC5-9A3E-FF34EABA62D6}"/>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86D57565-D143-4B97-A1B6-AAE995B58EF4}"/>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36717E5-47FE-47E0-895D-702D4D4B8920}"/>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58181DCA-B4B0-40A8-B5E6-B586ABFD69A8}"/>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4559</xdr:rowOff>
    </xdr:from>
    <xdr:to>
      <xdr:col>55</xdr:col>
      <xdr:colOff>50800</xdr:colOff>
      <xdr:row>41</xdr:row>
      <xdr:rowOff>84709</xdr:rowOff>
    </xdr:to>
    <xdr:sp macro="" textlink="">
      <xdr:nvSpPr>
        <xdr:cNvPr id="128" name="楕円 127">
          <a:extLst>
            <a:ext uri="{FF2B5EF4-FFF2-40B4-BE49-F238E27FC236}">
              <a16:creationId xmlns:a16="http://schemas.microsoft.com/office/drawing/2014/main" id="{960C02FE-FF4D-4597-8B6C-FB397C2508DB}"/>
            </a:ext>
          </a:extLst>
        </xdr:cNvPr>
        <xdr:cNvSpPr/>
      </xdr:nvSpPr>
      <xdr:spPr>
        <a:xfrm>
          <a:off x="9192260" y="686015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9486</xdr:rowOff>
    </xdr:from>
    <xdr:ext cx="469744" cy="259045"/>
    <xdr:sp macro="" textlink="">
      <xdr:nvSpPr>
        <xdr:cNvPr id="129" name="【道路】&#10;一人当たり延長該当値テキスト">
          <a:extLst>
            <a:ext uri="{FF2B5EF4-FFF2-40B4-BE49-F238E27FC236}">
              <a16:creationId xmlns:a16="http://schemas.microsoft.com/office/drawing/2014/main" id="{B9127551-0748-4441-8463-DAF55BD6F03C}"/>
            </a:ext>
          </a:extLst>
        </xdr:cNvPr>
        <xdr:cNvSpPr txBox="1"/>
      </xdr:nvSpPr>
      <xdr:spPr>
        <a:xfrm>
          <a:off x="9258300" y="6775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6845</xdr:rowOff>
    </xdr:from>
    <xdr:to>
      <xdr:col>50</xdr:col>
      <xdr:colOff>165100</xdr:colOff>
      <xdr:row>41</xdr:row>
      <xdr:rowOff>86995</xdr:rowOff>
    </xdr:to>
    <xdr:sp macro="" textlink="">
      <xdr:nvSpPr>
        <xdr:cNvPr id="130" name="楕円 129">
          <a:extLst>
            <a:ext uri="{FF2B5EF4-FFF2-40B4-BE49-F238E27FC236}">
              <a16:creationId xmlns:a16="http://schemas.microsoft.com/office/drawing/2014/main" id="{85E21AC3-92EE-4CD8-9E46-64BA923D1F4D}"/>
            </a:ext>
          </a:extLst>
        </xdr:cNvPr>
        <xdr:cNvSpPr/>
      </xdr:nvSpPr>
      <xdr:spPr>
        <a:xfrm>
          <a:off x="8445500" y="686244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3909</xdr:rowOff>
    </xdr:from>
    <xdr:to>
      <xdr:col>55</xdr:col>
      <xdr:colOff>0</xdr:colOff>
      <xdr:row>41</xdr:row>
      <xdr:rowOff>36195</xdr:rowOff>
    </xdr:to>
    <xdr:cxnSp macro="">
      <xdr:nvCxnSpPr>
        <xdr:cNvPr id="131" name="直線コネクタ 130">
          <a:extLst>
            <a:ext uri="{FF2B5EF4-FFF2-40B4-BE49-F238E27FC236}">
              <a16:creationId xmlns:a16="http://schemas.microsoft.com/office/drawing/2014/main" id="{63C59FAE-A60A-46DB-A158-24405990FBB9}"/>
            </a:ext>
          </a:extLst>
        </xdr:cNvPr>
        <xdr:cNvCxnSpPr/>
      </xdr:nvCxnSpPr>
      <xdr:spPr>
        <a:xfrm flipV="1">
          <a:off x="8496300" y="6907149"/>
          <a:ext cx="7239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9131</xdr:rowOff>
    </xdr:from>
    <xdr:to>
      <xdr:col>46</xdr:col>
      <xdr:colOff>38100</xdr:colOff>
      <xdr:row>41</xdr:row>
      <xdr:rowOff>89281</xdr:rowOff>
    </xdr:to>
    <xdr:sp macro="" textlink="">
      <xdr:nvSpPr>
        <xdr:cNvPr id="132" name="楕円 131">
          <a:extLst>
            <a:ext uri="{FF2B5EF4-FFF2-40B4-BE49-F238E27FC236}">
              <a16:creationId xmlns:a16="http://schemas.microsoft.com/office/drawing/2014/main" id="{05A676C3-7496-4C6C-B094-99ED7A1D0D50}"/>
            </a:ext>
          </a:extLst>
        </xdr:cNvPr>
        <xdr:cNvSpPr/>
      </xdr:nvSpPr>
      <xdr:spPr>
        <a:xfrm>
          <a:off x="7670800" y="686473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6195</xdr:rowOff>
    </xdr:from>
    <xdr:to>
      <xdr:col>50</xdr:col>
      <xdr:colOff>114300</xdr:colOff>
      <xdr:row>41</xdr:row>
      <xdr:rowOff>38481</xdr:rowOff>
    </xdr:to>
    <xdr:cxnSp macro="">
      <xdr:nvCxnSpPr>
        <xdr:cNvPr id="133" name="直線コネクタ 132">
          <a:extLst>
            <a:ext uri="{FF2B5EF4-FFF2-40B4-BE49-F238E27FC236}">
              <a16:creationId xmlns:a16="http://schemas.microsoft.com/office/drawing/2014/main" id="{15DC17D0-A0B9-4E55-B275-C6AC2E5AD7A4}"/>
            </a:ext>
          </a:extLst>
        </xdr:cNvPr>
        <xdr:cNvCxnSpPr/>
      </xdr:nvCxnSpPr>
      <xdr:spPr>
        <a:xfrm flipV="1">
          <a:off x="7713980" y="6909435"/>
          <a:ext cx="78232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1989</xdr:rowOff>
    </xdr:from>
    <xdr:to>
      <xdr:col>41</xdr:col>
      <xdr:colOff>101600</xdr:colOff>
      <xdr:row>41</xdr:row>
      <xdr:rowOff>92139</xdr:rowOff>
    </xdr:to>
    <xdr:sp macro="" textlink="">
      <xdr:nvSpPr>
        <xdr:cNvPr id="134" name="楕円 133">
          <a:extLst>
            <a:ext uri="{FF2B5EF4-FFF2-40B4-BE49-F238E27FC236}">
              <a16:creationId xmlns:a16="http://schemas.microsoft.com/office/drawing/2014/main" id="{0EC19DFF-F551-467F-99B4-5AF65F23E32A}"/>
            </a:ext>
          </a:extLst>
        </xdr:cNvPr>
        <xdr:cNvSpPr/>
      </xdr:nvSpPr>
      <xdr:spPr>
        <a:xfrm>
          <a:off x="6873240" y="686758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8481</xdr:rowOff>
    </xdr:from>
    <xdr:to>
      <xdr:col>45</xdr:col>
      <xdr:colOff>177800</xdr:colOff>
      <xdr:row>41</xdr:row>
      <xdr:rowOff>41339</xdr:rowOff>
    </xdr:to>
    <xdr:cxnSp macro="">
      <xdr:nvCxnSpPr>
        <xdr:cNvPr id="135" name="直線コネクタ 134">
          <a:extLst>
            <a:ext uri="{FF2B5EF4-FFF2-40B4-BE49-F238E27FC236}">
              <a16:creationId xmlns:a16="http://schemas.microsoft.com/office/drawing/2014/main" id="{B318D42A-AB0E-4E8C-BC13-32FA3BD1FAA9}"/>
            </a:ext>
          </a:extLst>
        </xdr:cNvPr>
        <xdr:cNvCxnSpPr/>
      </xdr:nvCxnSpPr>
      <xdr:spPr>
        <a:xfrm flipV="1">
          <a:off x="6924040" y="6911721"/>
          <a:ext cx="789940" cy="2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3646</xdr:rowOff>
    </xdr:from>
    <xdr:to>
      <xdr:col>36</xdr:col>
      <xdr:colOff>165100</xdr:colOff>
      <xdr:row>41</xdr:row>
      <xdr:rowOff>93796</xdr:rowOff>
    </xdr:to>
    <xdr:sp macro="" textlink="">
      <xdr:nvSpPr>
        <xdr:cNvPr id="136" name="楕円 135">
          <a:extLst>
            <a:ext uri="{FF2B5EF4-FFF2-40B4-BE49-F238E27FC236}">
              <a16:creationId xmlns:a16="http://schemas.microsoft.com/office/drawing/2014/main" id="{33BA282F-CE70-47FA-AE86-86DB51DB17BE}"/>
            </a:ext>
          </a:extLst>
        </xdr:cNvPr>
        <xdr:cNvSpPr/>
      </xdr:nvSpPr>
      <xdr:spPr>
        <a:xfrm>
          <a:off x="6098540" y="686924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41339</xdr:rowOff>
    </xdr:from>
    <xdr:to>
      <xdr:col>41</xdr:col>
      <xdr:colOff>50800</xdr:colOff>
      <xdr:row>41</xdr:row>
      <xdr:rowOff>42996</xdr:rowOff>
    </xdr:to>
    <xdr:cxnSp macro="">
      <xdr:nvCxnSpPr>
        <xdr:cNvPr id="137" name="直線コネクタ 136">
          <a:extLst>
            <a:ext uri="{FF2B5EF4-FFF2-40B4-BE49-F238E27FC236}">
              <a16:creationId xmlns:a16="http://schemas.microsoft.com/office/drawing/2014/main" id="{C5D38375-6150-4BBB-B95A-D5034F53EA97}"/>
            </a:ext>
          </a:extLst>
        </xdr:cNvPr>
        <xdr:cNvCxnSpPr/>
      </xdr:nvCxnSpPr>
      <xdr:spPr>
        <a:xfrm flipV="1">
          <a:off x="6149340" y="6914579"/>
          <a:ext cx="774700" cy="1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33914</xdr:rowOff>
    </xdr:from>
    <xdr:ext cx="534377" cy="259045"/>
    <xdr:sp macro="" textlink="">
      <xdr:nvSpPr>
        <xdr:cNvPr id="138" name="n_1aveValue【道路】&#10;一人当たり延長">
          <a:extLst>
            <a:ext uri="{FF2B5EF4-FFF2-40B4-BE49-F238E27FC236}">
              <a16:creationId xmlns:a16="http://schemas.microsoft.com/office/drawing/2014/main" id="{98CBA8A7-1F42-4118-8B15-453FA4729539}"/>
            </a:ext>
          </a:extLst>
        </xdr:cNvPr>
        <xdr:cNvSpPr txBox="1"/>
      </xdr:nvSpPr>
      <xdr:spPr>
        <a:xfrm>
          <a:off x="8239271" y="6404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44943</xdr:rowOff>
    </xdr:from>
    <xdr:ext cx="534377" cy="259045"/>
    <xdr:sp macro="" textlink="">
      <xdr:nvSpPr>
        <xdr:cNvPr id="139" name="n_2aveValue【道路】&#10;一人当たり延長">
          <a:extLst>
            <a:ext uri="{FF2B5EF4-FFF2-40B4-BE49-F238E27FC236}">
              <a16:creationId xmlns:a16="http://schemas.microsoft.com/office/drawing/2014/main" id="{5E9075E3-E16F-46BE-92FD-6F952E991AC4}"/>
            </a:ext>
          </a:extLst>
        </xdr:cNvPr>
        <xdr:cNvSpPr txBox="1"/>
      </xdr:nvSpPr>
      <xdr:spPr>
        <a:xfrm>
          <a:off x="7477271" y="6415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49877</xdr:rowOff>
    </xdr:from>
    <xdr:ext cx="534377" cy="259045"/>
    <xdr:sp macro="" textlink="">
      <xdr:nvSpPr>
        <xdr:cNvPr id="140" name="n_3aveValue【道路】&#10;一人当たり延長">
          <a:extLst>
            <a:ext uri="{FF2B5EF4-FFF2-40B4-BE49-F238E27FC236}">
              <a16:creationId xmlns:a16="http://schemas.microsoft.com/office/drawing/2014/main" id="{EE56E3BA-E9CE-40B5-AD4B-DE6AB520F399}"/>
            </a:ext>
          </a:extLst>
        </xdr:cNvPr>
        <xdr:cNvSpPr txBox="1"/>
      </xdr:nvSpPr>
      <xdr:spPr>
        <a:xfrm>
          <a:off x="6702571" y="6420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70318</xdr:rowOff>
    </xdr:from>
    <xdr:ext cx="534377" cy="259045"/>
    <xdr:sp macro="" textlink="">
      <xdr:nvSpPr>
        <xdr:cNvPr id="141" name="n_4aveValue【道路】&#10;一人当たり延長">
          <a:extLst>
            <a:ext uri="{FF2B5EF4-FFF2-40B4-BE49-F238E27FC236}">
              <a16:creationId xmlns:a16="http://schemas.microsoft.com/office/drawing/2014/main" id="{BB61EBDF-A81C-4345-808D-F790D2BD1A46}"/>
            </a:ext>
          </a:extLst>
        </xdr:cNvPr>
        <xdr:cNvSpPr txBox="1"/>
      </xdr:nvSpPr>
      <xdr:spPr>
        <a:xfrm>
          <a:off x="5905011" y="6440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8122</xdr:rowOff>
    </xdr:from>
    <xdr:ext cx="469744" cy="259045"/>
    <xdr:sp macro="" textlink="">
      <xdr:nvSpPr>
        <xdr:cNvPr id="142" name="n_1mainValue【道路】&#10;一人当たり延長">
          <a:extLst>
            <a:ext uri="{FF2B5EF4-FFF2-40B4-BE49-F238E27FC236}">
              <a16:creationId xmlns:a16="http://schemas.microsoft.com/office/drawing/2014/main" id="{85E5763C-F96A-4865-9209-7FEDF232BAAE}"/>
            </a:ext>
          </a:extLst>
        </xdr:cNvPr>
        <xdr:cNvSpPr txBox="1"/>
      </xdr:nvSpPr>
      <xdr:spPr>
        <a:xfrm>
          <a:off x="8271587" y="6951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80408</xdr:rowOff>
    </xdr:from>
    <xdr:ext cx="469744" cy="259045"/>
    <xdr:sp macro="" textlink="">
      <xdr:nvSpPr>
        <xdr:cNvPr id="143" name="n_2mainValue【道路】&#10;一人当たり延長">
          <a:extLst>
            <a:ext uri="{FF2B5EF4-FFF2-40B4-BE49-F238E27FC236}">
              <a16:creationId xmlns:a16="http://schemas.microsoft.com/office/drawing/2014/main" id="{1FDCE927-13B7-43F9-A96F-1BE901C2B990}"/>
            </a:ext>
          </a:extLst>
        </xdr:cNvPr>
        <xdr:cNvSpPr txBox="1"/>
      </xdr:nvSpPr>
      <xdr:spPr>
        <a:xfrm>
          <a:off x="7509587" y="6953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83266</xdr:rowOff>
    </xdr:from>
    <xdr:ext cx="469744" cy="259045"/>
    <xdr:sp macro="" textlink="">
      <xdr:nvSpPr>
        <xdr:cNvPr id="144" name="n_3mainValue【道路】&#10;一人当たり延長">
          <a:extLst>
            <a:ext uri="{FF2B5EF4-FFF2-40B4-BE49-F238E27FC236}">
              <a16:creationId xmlns:a16="http://schemas.microsoft.com/office/drawing/2014/main" id="{4B5122C3-1F31-43A6-91CC-03DA60FD1939}"/>
            </a:ext>
          </a:extLst>
        </xdr:cNvPr>
        <xdr:cNvSpPr txBox="1"/>
      </xdr:nvSpPr>
      <xdr:spPr>
        <a:xfrm>
          <a:off x="6712027" y="6956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84923</xdr:rowOff>
    </xdr:from>
    <xdr:ext cx="469744" cy="259045"/>
    <xdr:sp macro="" textlink="">
      <xdr:nvSpPr>
        <xdr:cNvPr id="145" name="n_4mainValue【道路】&#10;一人当たり延長">
          <a:extLst>
            <a:ext uri="{FF2B5EF4-FFF2-40B4-BE49-F238E27FC236}">
              <a16:creationId xmlns:a16="http://schemas.microsoft.com/office/drawing/2014/main" id="{C1D1FFAE-B0BE-4730-8D99-3C492A5F4BAE}"/>
            </a:ext>
          </a:extLst>
        </xdr:cNvPr>
        <xdr:cNvSpPr txBox="1"/>
      </xdr:nvSpPr>
      <xdr:spPr>
        <a:xfrm>
          <a:off x="5937327" y="6958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1E09A8F8-F4BA-4C91-B1FF-ECCE53C9D322}"/>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B3711CC8-0E52-41B2-84D7-1EFFC7EA85CB}"/>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01897548-2A02-4D5C-A64C-3ADE88F015B0}"/>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66FE7D31-2374-4AF5-9ABE-F40630EC38F8}"/>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74E13DEA-19C1-4C77-B6AF-FD201B6A2A6D}"/>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A20CEE36-051F-48D5-93E4-6EA76522D363}"/>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061E5C31-B3B6-4C60-A05D-5B54C8E6BAC2}"/>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D7593A53-9AE1-4046-B713-954296DC8BE0}"/>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E79D7799-883A-4ED1-B5AB-CC31922F8BE0}"/>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4C109FFF-053D-455E-9D7A-AFBD62B27ADA}"/>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86DAFCB2-DEEF-4459-A584-59D4E87A4704}"/>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C2BC978F-EF16-4B61-93FF-DD82A608E20B}"/>
            </a:ext>
          </a:extLst>
        </xdr:cNvPr>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id="{52B518A8-4894-4D8A-8D48-CEB46B8EDDDA}"/>
            </a:ext>
          </a:extLst>
        </xdr:cNvPr>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FC2AB5C0-728A-4804-91C9-3E6FE5B34019}"/>
            </a:ext>
          </a:extLst>
        </xdr:cNvPr>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BF962892-0F6C-4542-A625-72D7A38D0B80}"/>
            </a:ext>
          </a:extLst>
        </xdr:cNvPr>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20F4F348-A542-469C-95E2-3F07C8D82BD4}"/>
            </a:ext>
          </a:extLst>
        </xdr:cNvPr>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E3B40B39-15D7-48A6-8540-231C962BCFBC}"/>
            </a:ext>
          </a:extLst>
        </xdr:cNvPr>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ABC73759-3450-40B0-A4C4-0CF46F2BC075}"/>
            </a:ext>
          </a:extLst>
        </xdr:cNvPr>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F9FC03FA-7798-47F4-BCA4-CE72CCE7B91D}"/>
            </a:ext>
          </a:extLst>
        </xdr:cNvPr>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7CAA8483-0DD1-429B-BAA7-7C5FE8B18381}"/>
            </a:ext>
          </a:extLst>
        </xdr:cNvPr>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476BF777-91CD-46B5-8351-68E36E9E5776}"/>
            </a:ext>
          </a:extLst>
        </xdr:cNvPr>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BAB5156C-5956-4701-BBE7-492083FAB1A5}"/>
            </a:ext>
          </a:extLst>
        </xdr:cNvPr>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id="{0FAB1CB6-44D7-49F8-8220-944DF9AF1B5C}"/>
            </a:ext>
          </a:extLst>
        </xdr:cNvPr>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C9F85E2F-8AC1-48A6-A5A9-9D57F535E4CF}"/>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9053100B-F21F-43AE-B43B-4E6B706341E4}"/>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02870</xdr:rowOff>
    </xdr:from>
    <xdr:to>
      <xdr:col>24</xdr:col>
      <xdr:colOff>62865</xdr:colOff>
      <xdr:row>64</xdr:row>
      <xdr:rowOff>130628</xdr:rowOff>
    </xdr:to>
    <xdr:cxnSp macro="">
      <xdr:nvCxnSpPr>
        <xdr:cNvPr id="171" name="直線コネクタ 170">
          <a:extLst>
            <a:ext uri="{FF2B5EF4-FFF2-40B4-BE49-F238E27FC236}">
              <a16:creationId xmlns:a16="http://schemas.microsoft.com/office/drawing/2014/main" id="{0A5D2508-AE24-4A85-8F75-EF85FF7D9029}"/>
            </a:ext>
          </a:extLst>
        </xdr:cNvPr>
        <xdr:cNvCxnSpPr/>
      </xdr:nvCxnSpPr>
      <xdr:spPr>
        <a:xfrm flipV="1">
          <a:off x="4086225" y="9323070"/>
          <a:ext cx="0" cy="1536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2" name="【橋りょう・トンネル】&#10;有形固定資産減価償却率最小値テキスト">
          <a:extLst>
            <a:ext uri="{FF2B5EF4-FFF2-40B4-BE49-F238E27FC236}">
              <a16:creationId xmlns:a16="http://schemas.microsoft.com/office/drawing/2014/main" id="{DF263AB9-27A9-4D9C-9105-4C35DC48E6E0}"/>
            </a:ext>
          </a:extLst>
        </xdr:cNvPr>
        <xdr:cNvSpPr txBox="1"/>
      </xdr:nvSpPr>
      <xdr:spPr>
        <a:xfrm>
          <a:off x="412496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3" name="直線コネクタ 172">
          <a:extLst>
            <a:ext uri="{FF2B5EF4-FFF2-40B4-BE49-F238E27FC236}">
              <a16:creationId xmlns:a16="http://schemas.microsoft.com/office/drawing/2014/main" id="{545C60AC-479D-4E28-BF5D-FEE99D252BEE}"/>
            </a:ext>
          </a:extLst>
        </xdr:cNvPr>
        <xdr:cNvCxnSpPr/>
      </xdr:nvCxnSpPr>
      <xdr:spPr>
        <a:xfrm>
          <a:off x="402082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9547</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id="{312911EA-C186-4C8D-9BF3-F066A60D57FB}"/>
            </a:ext>
          </a:extLst>
        </xdr:cNvPr>
        <xdr:cNvSpPr txBox="1"/>
      </xdr:nvSpPr>
      <xdr:spPr>
        <a:xfrm>
          <a:off x="4124960" y="910210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02870</xdr:rowOff>
    </xdr:from>
    <xdr:to>
      <xdr:col>24</xdr:col>
      <xdr:colOff>152400</xdr:colOff>
      <xdr:row>55</xdr:row>
      <xdr:rowOff>102870</xdr:rowOff>
    </xdr:to>
    <xdr:cxnSp macro="">
      <xdr:nvCxnSpPr>
        <xdr:cNvPr id="175" name="直線コネクタ 174">
          <a:extLst>
            <a:ext uri="{FF2B5EF4-FFF2-40B4-BE49-F238E27FC236}">
              <a16:creationId xmlns:a16="http://schemas.microsoft.com/office/drawing/2014/main" id="{142FEA4F-E644-407B-9989-C891D4A02A69}"/>
            </a:ext>
          </a:extLst>
        </xdr:cNvPr>
        <xdr:cNvCxnSpPr/>
      </xdr:nvCxnSpPr>
      <xdr:spPr>
        <a:xfrm>
          <a:off x="4020820" y="93230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30101</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CC3F3AEC-5C9A-46C3-9549-0496305EFF67}"/>
            </a:ext>
          </a:extLst>
        </xdr:cNvPr>
        <xdr:cNvSpPr txBox="1"/>
      </xdr:nvSpPr>
      <xdr:spPr>
        <a:xfrm>
          <a:off x="4124960" y="101885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1674</xdr:rowOff>
    </xdr:from>
    <xdr:to>
      <xdr:col>24</xdr:col>
      <xdr:colOff>114300</xdr:colOff>
      <xdr:row>61</xdr:row>
      <xdr:rowOff>81824</xdr:rowOff>
    </xdr:to>
    <xdr:sp macro="" textlink="">
      <xdr:nvSpPr>
        <xdr:cNvPr id="177" name="フローチャート: 判断 176">
          <a:extLst>
            <a:ext uri="{FF2B5EF4-FFF2-40B4-BE49-F238E27FC236}">
              <a16:creationId xmlns:a16="http://schemas.microsoft.com/office/drawing/2014/main" id="{A8C44715-213F-46CE-93F4-7F42331655E0}"/>
            </a:ext>
          </a:extLst>
        </xdr:cNvPr>
        <xdr:cNvSpPr/>
      </xdr:nvSpPr>
      <xdr:spPr>
        <a:xfrm>
          <a:off x="4036060" y="102100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5346</xdr:rowOff>
    </xdr:from>
    <xdr:to>
      <xdr:col>20</xdr:col>
      <xdr:colOff>38100</xdr:colOff>
      <xdr:row>61</xdr:row>
      <xdr:rowOff>65496</xdr:rowOff>
    </xdr:to>
    <xdr:sp macro="" textlink="">
      <xdr:nvSpPr>
        <xdr:cNvPr id="178" name="フローチャート: 判断 177">
          <a:extLst>
            <a:ext uri="{FF2B5EF4-FFF2-40B4-BE49-F238E27FC236}">
              <a16:creationId xmlns:a16="http://schemas.microsoft.com/office/drawing/2014/main" id="{5D41FFF0-40D2-4E5E-A208-7E82AD75B96B}"/>
            </a:ext>
          </a:extLst>
        </xdr:cNvPr>
        <xdr:cNvSpPr/>
      </xdr:nvSpPr>
      <xdr:spPr>
        <a:xfrm>
          <a:off x="3312160" y="1019374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97790</xdr:rowOff>
    </xdr:from>
    <xdr:to>
      <xdr:col>15</xdr:col>
      <xdr:colOff>101600</xdr:colOff>
      <xdr:row>61</xdr:row>
      <xdr:rowOff>27940</xdr:rowOff>
    </xdr:to>
    <xdr:sp macro="" textlink="">
      <xdr:nvSpPr>
        <xdr:cNvPr id="179" name="フローチャート: 判断 178">
          <a:extLst>
            <a:ext uri="{FF2B5EF4-FFF2-40B4-BE49-F238E27FC236}">
              <a16:creationId xmlns:a16="http://schemas.microsoft.com/office/drawing/2014/main" id="{1EEC6F93-0A11-4509-81B3-E07CB0744E7A}"/>
            </a:ext>
          </a:extLst>
        </xdr:cNvPr>
        <xdr:cNvSpPr/>
      </xdr:nvSpPr>
      <xdr:spPr>
        <a:xfrm>
          <a:off x="2514600" y="101561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71665</xdr:rowOff>
    </xdr:from>
    <xdr:to>
      <xdr:col>10</xdr:col>
      <xdr:colOff>165100</xdr:colOff>
      <xdr:row>61</xdr:row>
      <xdr:rowOff>1815</xdr:rowOff>
    </xdr:to>
    <xdr:sp macro="" textlink="">
      <xdr:nvSpPr>
        <xdr:cNvPr id="180" name="フローチャート: 判断 179">
          <a:extLst>
            <a:ext uri="{FF2B5EF4-FFF2-40B4-BE49-F238E27FC236}">
              <a16:creationId xmlns:a16="http://schemas.microsoft.com/office/drawing/2014/main" id="{0EABA659-AFB6-4E2E-A510-32448E39C6DA}"/>
            </a:ext>
          </a:extLst>
        </xdr:cNvPr>
        <xdr:cNvSpPr/>
      </xdr:nvSpPr>
      <xdr:spPr>
        <a:xfrm>
          <a:off x="1739900" y="101300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56969</xdr:rowOff>
    </xdr:from>
    <xdr:to>
      <xdr:col>6</xdr:col>
      <xdr:colOff>38100</xdr:colOff>
      <xdr:row>60</xdr:row>
      <xdr:rowOff>158569</xdr:rowOff>
    </xdr:to>
    <xdr:sp macro="" textlink="">
      <xdr:nvSpPr>
        <xdr:cNvPr id="181" name="フローチャート: 判断 180">
          <a:extLst>
            <a:ext uri="{FF2B5EF4-FFF2-40B4-BE49-F238E27FC236}">
              <a16:creationId xmlns:a16="http://schemas.microsoft.com/office/drawing/2014/main" id="{D296F551-E5C7-4874-864F-F774EBAC89BC}"/>
            </a:ext>
          </a:extLst>
        </xdr:cNvPr>
        <xdr:cNvSpPr/>
      </xdr:nvSpPr>
      <xdr:spPr>
        <a:xfrm>
          <a:off x="965200" y="1011536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D2C23D41-5935-499B-8D26-1D83FD447F7F}"/>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D87F81AB-C3B7-459F-8FC0-294AD4AEFC1F}"/>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638DE365-F60C-4F41-B3A8-72FBF55B5052}"/>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A127422A-AE2F-4ACA-BBDD-5052C11E887B}"/>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381ED299-1B6F-426A-A86D-F94587076D45}"/>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02688</xdr:rowOff>
    </xdr:from>
    <xdr:to>
      <xdr:col>24</xdr:col>
      <xdr:colOff>114300</xdr:colOff>
      <xdr:row>61</xdr:row>
      <xdr:rowOff>32838</xdr:rowOff>
    </xdr:to>
    <xdr:sp macro="" textlink="">
      <xdr:nvSpPr>
        <xdr:cNvPr id="187" name="楕円 186">
          <a:extLst>
            <a:ext uri="{FF2B5EF4-FFF2-40B4-BE49-F238E27FC236}">
              <a16:creationId xmlns:a16="http://schemas.microsoft.com/office/drawing/2014/main" id="{DD8EC8B7-1459-49BC-8F82-904EDDC69A80}"/>
            </a:ext>
          </a:extLst>
        </xdr:cNvPr>
        <xdr:cNvSpPr/>
      </xdr:nvSpPr>
      <xdr:spPr>
        <a:xfrm>
          <a:off x="4036060" y="101610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25565</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BC20BD2E-0D6A-4B2D-A998-D88323FC62EB}"/>
            </a:ext>
          </a:extLst>
        </xdr:cNvPr>
        <xdr:cNvSpPr txBox="1"/>
      </xdr:nvSpPr>
      <xdr:spPr>
        <a:xfrm>
          <a:off x="4124960" y="100163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61867</xdr:rowOff>
    </xdr:from>
    <xdr:to>
      <xdr:col>20</xdr:col>
      <xdr:colOff>38100</xdr:colOff>
      <xdr:row>61</xdr:row>
      <xdr:rowOff>163467</xdr:rowOff>
    </xdr:to>
    <xdr:sp macro="" textlink="">
      <xdr:nvSpPr>
        <xdr:cNvPr id="189" name="楕円 188">
          <a:extLst>
            <a:ext uri="{FF2B5EF4-FFF2-40B4-BE49-F238E27FC236}">
              <a16:creationId xmlns:a16="http://schemas.microsoft.com/office/drawing/2014/main" id="{129DD002-DFAF-4BC0-BE0B-17E79A9D70EE}"/>
            </a:ext>
          </a:extLst>
        </xdr:cNvPr>
        <xdr:cNvSpPr/>
      </xdr:nvSpPr>
      <xdr:spPr>
        <a:xfrm>
          <a:off x="3312160" y="1028790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53488</xdr:rowOff>
    </xdr:from>
    <xdr:to>
      <xdr:col>24</xdr:col>
      <xdr:colOff>63500</xdr:colOff>
      <xdr:row>61</xdr:row>
      <xdr:rowOff>112667</xdr:rowOff>
    </xdr:to>
    <xdr:cxnSp macro="">
      <xdr:nvCxnSpPr>
        <xdr:cNvPr id="190" name="直線コネクタ 189">
          <a:extLst>
            <a:ext uri="{FF2B5EF4-FFF2-40B4-BE49-F238E27FC236}">
              <a16:creationId xmlns:a16="http://schemas.microsoft.com/office/drawing/2014/main" id="{FDD613EF-075F-46A3-9A78-DEEE0E652FBC}"/>
            </a:ext>
          </a:extLst>
        </xdr:cNvPr>
        <xdr:cNvCxnSpPr/>
      </xdr:nvCxnSpPr>
      <xdr:spPr>
        <a:xfrm flipV="1">
          <a:off x="3355340" y="10211888"/>
          <a:ext cx="731520" cy="126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30843</xdr:rowOff>
    </xdr:from>
    <xdr:to>
      <xdr:col>15</xdr:col>
      <xdr:colOff>101600</xdr:colOff>
      <xdr:row>61</xdr:row>
      <xdr:rowOff>132443</xdr:rowOff>
    </xdr:to>
    <xdr:sp macro="" textlink="">
      <xdr:nvSpPr>
        <xdr:cNvPr id="191" name="楕円 190">
          <a:extLst>
            <a:ext uri="{FF2B5EF4-FFF2-40B4-BE49-F238E27FC236}">
              <a16:creationId xmlns:a16="http://schemas.microsoft.com/office/drawing/2014/main" id="{373CA96B-A56E-49C7-82DC-D750DF799F72}"/>
            </a:ext>
          </a:extLst>
        </xdr:cNvPr>
        <xdr:cNvSpPr/>
      </xdr:nvSpPr>
      <xdr:spPr>
        <a:xfrm>
          <a:off x="2514600" y="10256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81643</xdr:rowOff>
    </xdr:from>
    <xdr:to>
      <xdr:col>19</xdr:col>
      <xdr:colOff>177800</xdr:colOff>
      <xdr:row>61</xdr:row>
      <xdr:rowOff>112667</xdr:rowOff>
    </xdr:to>
    <xdr:cxnSp macro="">
      <xdr:nvCxnSpPr>
        <xdr:cNvPr id="192" name="直線コネクタ 191">
          <a:extLst>
            <a:ext uri="{FF2B5EF4-FFF2-40B4-BE49-F238E27FC236}">
              <a16:creationId xmlns:a16="http://schemas.microsoft.com/office/drawing/2014/main" id="{43405376-1A2B-4EEA-9313-43742420D1D1}"/>
            </a:ext>
          </a:extLst>
        </xdr:cNvPr>
        <xdr:cNvCxnSpPr/>
      </xdr:nvCxnSpPr>
      <xdr:spPr>
        <a:xfrm>
          <a:off x="2565400" y="10307683"/>
          <a:ext cx="78994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09220</xdr:rowOff>
    </xdr:from>
    <xdr:to>
      <xdr:col>10</xdr:col>
      <xdr:colOff>165100</xdr:colOff>
      <xdr:row>61</xdr:row>
      <xdr:rowOff>39370</xdr:rowOff>
    </xdr:to>
    <xdr:sp macro="" textlink="">
      <xdr:nvSpPr>
        <xdr:cNvPr id="193" name="楕円 192">
          <a:extLst>
            <a:ext uri="{FF2B5EF4-FFF2-40B4-BE49-F238E27FC236}">
              <a16:creationId xmlns:a16="http://schemas.microsoft.com/office/drawing/2014/main" id="{4A4870F7-8057-47F8-9459-9F4EF9AC49F7}"/>
            </a:ext>
          </a:extLst>
        </xdr:cNvPr>
        <xdr:cNvSpPr/>
      </xdr:nvSpPr>
      <xdr:spPr>
        <a:xfrm>
          <a:off x="1739900" y="101676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60020</xdr:rowOff>
    </xdr:from>
    <xdr:to>
      <xdr:col>15</xdr:col>
      <xdr:colOff>50800</xdr:colOff>
      <xdr:row>61</xdr:row>
      <xdr:rowOff>81643</xdr:rowOff>
    </xdr:to>
    <xdr:cxnSp macro="">
      <xdr:nvCxnSpPr>
        <xdr:cNvPr id="194" name="直線コネクタ 193">
          <a:extLst>
            <a:ext uri="{FF2B5EF4-FFF2-40B4-BE49-F238E27FC236}">
              <a16:creationId xmlns:a16="http://schemas.microsoft.com/office/drawing/2014/main" id="{1CAF59A3-6032-4F96-9D2E-135549E7E7F2}"/>
            </a:ext>
          </a:extLst>
        </xdr:cNvPr>
        <xdr:cNvCxnSpPr/>
      </xdr:nvCxnSpPr>
      <xdr:spPr>
        <a:xfrm>
          <a:off x="1790700" y="10218420"/>
          <a:ext cx="774700" cy="89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12485</xdr:rowOff>
    </xdr:from>
    <xdr:to>
      <xdr:col>6</xdr:col>
      <xdr:colOff>38100</xdr:colOff>
      <xdr:row>61</xdr:row>
      <xdr:rowOff>42635</xdr:rowOff>
    </xdr:to>
    <xdr:sp macro="" textlink="">
      <xdr:nvSpPr>
        <xdr:cNvPr id="195" name="楕円 194">
          <a:extLst>
            <a:ext uri="{FF2B5EF4-FFF2-40B4-BE49-F238E27FC236}">
              <a16:creationId xmlns:a16="http://schemas.microsoft.com/office/drawing/2014/main" id="{816084FD-8666-4619-9420-2FED22750A33}"/>
            </a:ext>
          </a:extLst>
        </xdr:cNvPr>
        <xdr:cNvSpPr/>
      </xdr:nvSpPr>
      <xdr:spPr>
        <a:xfrm>
          <a:off x="965200" y="1017088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60020</xdr:rowOff>
    </xdr:from>
    <xdr:to>
      <xdr:col>10</xdr:col>
      <xdr:colOff>114300</xdr:colOff>
      <xdr:row>60</xdr:row>
      <xdr:rowOff>163285</xdr:rowOff>
    </xdr:to>
    <xdr:cxnSp macro="">
      <xdr:nvCxnSpPr>
        <xdr:cNvPr id="196" name="直線コネクタ 195">
          <a:extLst>
            <a:ext uri="{FF2B5EF4-FFF2-40B4-BE49-F238E27FC236}">
              <a16:creationId xmlns:a16="http://schemas.microsoft.com/office/drawing/2014/main" id="{6431EC73-4125-46DE-85E4-651765A3B487}"/>
            </a:ext>
          </a:extLst>
        </xdr:cNvPr>
        <xdr:cNvCxnSpPr/>
      </xdr:nvCxnSpPr>
      <xdr:spPr>
        <a:xfrm flipV="1">
          <a:off x="1008380" y="10218420"/>
          <a:ext cx="78232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2023</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89A91505-4816-45AC-806D-936ECB6ECCE5}"/>
            </a:ext>
          </a:extLst>
        </xdr:cNvPr>
        <xdr:cNvSpPr txBox="1"/>
      </xdr:nvSpPr>
      <xdr:spPr>
        <a:xfrm>
          <a:off x="3170564" y="9972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44467</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CE33C479-5CD6-407B-B7FA-19BB5B52086E}"/>
            </a:ext>
          </a:extLst>
        </xdr:cNvPr>
        <xdr:cNvSpPr txBox="1"/>
      </xdr:nvSpPr>
      <xdr:spPr>
        <a:xfrm>
          <a:off x="2385704" y="993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8342</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B2DC065D-732B-420C-B395-BE338C01DE29}"/>
            </a:ext>
          </a:extLst>
        </xdr:cNvPr>
        <xdr:cNvSpPr txBox="1"/>
      </xdr:nvSpPr>
      <xdr:spPr>
        <a:xfrm>
          <a:off x="1611004" y="9909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646</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9F1504A3-7D52-485B-A2F0-DE10122368AB}"/>
            </a:ext>
          </a:extLst>
        </xdr:cNvPr>
        <xdr:cNvSpPr txBox="1"/>
      </xdr:nvSpPr>
      <xdr:spPr>
        <a:xfrm>
          <a:off x="836304" y="9894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54594</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3D181033-47EB-4857-B398-FC4215B70D37}"/>
            </a:ext>
          </a:extLst>
        </xdr:cNvPr>
        <xdr:cNvSpPr txBox="1"/>
      </xdr:nvSpPr>
      <xdr:spPr>
        <a:xfrm>
          <a:off x="3170564" y="10380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23570</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53813125-0E4A-4BC3-84AD-D886C6566CD7}"/>
            </a:ext>
          </a:extLst>
        </xdr:cNvPr>
        <xdr:cNvSpPr txBox="1"/>
      </xdr:nvSpPr>
      <xdr:spPr>
        <a:xfrm>
          <a:off x="2385704" y="10349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30497</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7BC71FB0-1CC2-40FB-866E-B7323EC82800}"/>
            </a:ext>
          </a:extLst>
        </xdr:cNvPr>
        <xdr:cNvSpPr txBox="1"/>
      </xdr:nvSpPr>
      <xdr:spPr>
        <a:xfrm>
          <a:off x="1611004" y="1025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33762</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F4120101-5406-43F3-B3EF-B72BBE4A66C0}"/>
            </a:ext>
          </a:extLst>
        </xdr:cNvPr>
        <xdr:cNvSpPr txBox="1"/>
      </xdr:nvSpPr>
      <xdr:spPr>
        <a:xfrm>
          <a:off x="836304" y="10259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4280DD29-1B8B-489D-8825-DE97A247813F}"/>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A897A3A6-A326-43C5-8B00-1201823B2DC5}"/>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9B461F4F-E819-4BEF-A562-EDB641ACCDA6}"/>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3DDC6C4F-3993-496C-B596-4E888C84D649}"/>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5195390A-D5E6-4D0F-88D7-4C4C03A0F20D}"/>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DF32FB6E-CB8D-4654-9DC2-2B68CB65A6EB}"/>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BBB79561-CF94-4AB4-AEA8-CBB06F3D3F2F}"/>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056660B9-E1AA-4150-880D-04CF872B82E2}"/>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8DF71AC6-943E-4573-9256-24AED3D4BCF6}"/>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5A0FEB5D-B1E9-4614-9A46-83FE189A116B}"/>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5" name="直線コネクタ 214">
          <a:extLst>
            <a:ext uri="{FF2B5EF4-FFF2-40B4-BE49-F238E27FC236}">
              <a16:creationId xmlns:a16="http://schemas.microsoft.com/office/drawing/2014/main" id="{92AB0D70-F0E6-430A-9D54-E74684AC420A}"/>
            </a:ext>
          </a:extLst>
        </xdr:cNvPr>
        <xdr:cNvCxnSpPr/>
      </xdr:nvCxnSpPr>
      <xdr:spPr>
        <a:xfrm>
          <a:off x="5826760" y="10859588"/>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6" name="テキスト ボックス 215">
          <a:extLst>
            <a:ext uri="{FF2B5EF4-FFF2-40B4-BE49-F238E27FC236}">
              <a16:creationId xmlns:a16="http://schemas.microsoft.com/office/drawing/2014/main" id="{7F5D1C12-509D-4874-B216-30873DB8B0CC}"/>
            </a:ext>
          </a:extLst>
        </xdr:cNvPr>
        <xdr:cNvSpPr txBox="1"/>
      </xdr:nvSpPr>
      <xdr:spPr>
        <a:xfrm>
          <a:off x="5600834" y="1072117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7" name="直線コネクタ 216">
          <a:extLst>
            <a:ext uri="{FF2B5EF4-FFF2-40B4-BE49-F238E27FC236}">
              <a16:creationId xmlns:a16="http://schemas.microsoft.com/office/drawing/2014/main" id="{4CAD21B3-E2A8-44D0-BB84-7880FC18B2E7}"/>
            </a:ext>
          </a:extLst>
        </xdr:cNvPr>
        <xdr:cNvCxnSpPr/>
      </xdr:nvCxnSpPr>
      <xdr:spPr>
        <a:xfrm>
          <a:off x="5826760" y="1054063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18" name="テキスト ボックス 217">
          <a:extLst>
            <a:ext uri="{FF2B5EF4-FFF2-40B4-BE49-F238E27FC236}">
              <a16:creationId xmlns:a16="http://schemas.microsoft.com/office/drawing/2014/main" id="{95D4B6CD-1059-48F1-A3B1-46136849380A}"/>
            </a:ext>
          </a:extLst>
        </xdr:cNvPr>
        <xdr:cNvSpPr txBox="1"/>
      </xdr:nvSpPr>
      <xdr:spPr>
        <a:xfrm>
          <a:off x="5299921" y="1039841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9" name="直線コネクタ 218">
          <a:extLst>
            <a:ext uri="{FF2B5EF4-FFF2-40B4-BE49-F238E27FC236}">
              <a16:creationId xmlns:a16="http://schemas.microsoft.com/office/drawing/2014/main" id="{DEF17E87-305A-4009-B60C-2C25F19A8B5E}"/>
            </a:ext>
          </a:extLst>
        </xdr:cNvPr>
        <xdr:cNvCxnSpPr/>
      </xdr:nvCxnSpPr>
      <xdr:spPr>
        <a:xfrm>
          <a:off x="5826760" y="1022168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20" name="テキスト ボックス 219">
          <a:extLst>
            <a:ext uri="{FF2B5EF4-FFF2-40B4-BE49-F238E27FC236}">
              <a16:creationId xmlns:a16="http://schemas.microsoft.com/office/drawing/2014/main" id="{D467D254-F06F-4200-88C7-BBA8565C0A17}"/>
            </a:ext>
          </a:extLst>
        </xdr:cNvPr>
        <xdr:cNvSpPr txBox="1"/>
      </xdr:nvSpPr>
      <xdr:spPr>
        <a:xfrm>
          <a:off x="5299921" y="100794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1" name="直線コネクタ 220">
          <a:extLst>
            <a:ext uri="{FF2B5EF4-FFF2-40B4-BE49-F238E27FC236}">
              <a16:creationId xmlns:a16="http://schemas.microsoft.com/office/drawing/2014/main" id="{B0C909A2-0140-4A73-9FE4-2A6259D98337}"/>
            </a:ext>
          </a:extLst>
        </xdr:cNvPr>
        <xdr:cNvCxnSpPr/>
      </xdr:nvCxnSpPr>
      <xdr:spPr>
        <a:xfrm>
          <a:off x="5826760" y="989892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22" name="テキスト ボックス 221">
          <a:extLst>
            <a:ext uri="{FF2B5EF4-FFF2-40B4-BE49-F238E27FC236}">
              <a16:creationId xmlns:a16="http://schemas.microsoft.com/office/drawing/2014/main" id="{C32BBCE9-A3B1-43BA-AE87-BF52D89A9ADB}"/>
            </a:ext>
          </a:extLst>
        </xdr:cNvPr>
        <xdr:cNvSpPr txBox="1"/>
      </xdr:nvSpPr>
      <xdr:spPr>
        <a:xfrm>
          <a:off x="5299921" y="976051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3" name="直線コネクタ 222">
          <a:extLst>
            <a:ext uri="{FF2B5EF4-FFF2-40B4-BE49-F238E27FC236}">
              <a16:creationId xmlns:a16="http://schemas.microsoft.com/office/drawing/2014/main" id="{8789E49B-EE03-40D5-9772-4563677C034F}"/>
            </a:ext>
          </a:extLst>
        </xdr:cNvPr>
        <xdr:cNvCxnSpPr/>
      </xdr:nvCxnSpPr>
      <xdr:spPr>
        <a:xfrm>
          <a:off x="5826760" y="957997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224" name="テキスト ボックス 223">
          <a:extLst>
            <a:ext uri="{FF2B5EF4-FFF2-40B4-BE49-F238E27FC236}">
              <a16:creationId xmlns:a16="http://schemas.microsoft.com/office/drawing/2014/main" id="{8E0E6858-D514-48C0-B4A0-C5BC45586191}"/>
            </a:ext>
          </a:extLst>
        </xdr:cNvPr>
        <xdr:cNvSpPr txBox="1"/>
      </xdr:nvSpPr>
      <xdr:spPr>
        <a:xfrm>
          <a:off x="5209768" y="944156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5" name="直線コネクタ 224">
          <a:extLst>
            <a:ext uri="{FF2B5EF4-FFF2-40B4-BE49-F238E27FC236}">
              <a16:creationId xmlns:a16="http://schemas.microsoft.com/office/drawing/2014/main" id="{49558EDA-A7D1-4D72-82FA-2CB81F42A0C6}"/>
            </a:ext>
          </a:extLst>
        </xdr:cNvPr>
        <xdr:cNvCxnSpPr/>
      </xdr:nvCxnSpPr>
      <xdr:spPr>
        <a:xfrm>
          <a:off x="5826760" y="9261022"/>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26" name="テキスト ボックス 225">
          <a:extLst>
            <a:ext uri="{FF2B5EF4-FFF2-40B4-BE49-F238E27FC236}">
              <a16:creationId xmlns:a16="http://schemas.microsoft.com/office/drawing/2014/main" id="{DDAC90DB-0BF9-4893-9800-8F49567123DF}"/>
            </a:ext>
          </a:extLst>
        </xdr:cNvPr>
        <xdr:cNvSpPr txBox="1"/>
      </xdr:nvSpPr>
      <xdr:spPr>
        <a:xfrm>
          <a:off x="5209768" y="912260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10836F8F-BFCD-472E-8711-956BE4BABA83}"/>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id="{71E96627-770F-4A3F-AE12-97BD566D7992}"/>
            </a:ext>
          </a:extLst>
        </xdr:cNvPr>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AA951BEF-1981-4E80-8194-406F542D4648}"/>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90931</xdr:rowOff>
    </xdr:from>
    <xdr:to>
      <xdr:col>54</xdr:col>
      <xdr:colOff>189865</xdr:colOff>
      <xdr:row>64</xdr:row>
      <xdr:rowOff>129110</xdr:rowOff>
    </xdr:to>
    <xdr:cxnSp macro="">
      <xdr:nvCxnSpPr>
        <xdr:cNvPr id="230" name="直線コネクタ 229">
          <a:extLst>
            <a:ext uri="{FF2B5EF4-FFF2-40B4-BE49-F238E27FC236}">
              <a16:creationId xmlns:a16="http://schemas.microsoft.com/office/drawing/2014/main" id="{5553F10E-380C-4562-8D1D-9088628D34D3}"/>
            </a:ext>
          </a:extLst>
        </xdr:cNvPr>
        <xdr:cNvCxnSpPr/>
      </xdr:nvCxnSpPr>
      <xdr:spPr>
        <a:xfrm flipV="1">
          <a:off x="9219565" y="9478771"/>
          <a:ext cx="0" cy="13792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2937</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id="{55701D16-2A00-47E9-A526-78FE2BA1139F}"/>
            </a:ext>
          </a:extLst>
        </xdr:cNvPr>
        <xdr:cNvSpPr txBox="1"/>
      </xdr:nvSpPr>
      <xdr:spPr>
        <a:xfrm>
          <a:off x="9258300" y="10861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9110</xdr:rowOff>
    </xdr:from>
    <xdr:to>
      <xdr:col>55</xdr:col>
      <xdr:colOff>88900</xdr:colOff>
      <xdr:row>64</xdr:row>
      <xdr:rowOff>129110</xdr:rowOff>
    </xdr:to>
    <xdr:cxnSp macro="">
      <xdr:nvCxnSpPr>
        <xdr:cNvPr id="232" name="直線コネクタ 231">
          <a:extLst>
            <a:ext uri="{FF2B5EF4-FFF2-40B4-BE49-F238E27FC236}">
              <a16:creationId xmlns:a16="http://schemas.microsoft.com/office/drawing/2014/main" id="{FC48508D-54D1-470E-AF3A-4883402D1387}"/>
            </a:ext>
          </a:extLst>
        </xdr:cNvPr>
        <xdr:cNvCxnSpPr/>
      </xdr:nvCxnSpPr>
      <xdr:spPr>
        <a:xfrm>
          <a:off x="9154160" y="108580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37608</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id="{0F08B80C-4289-4CB2-8784-8820A596969C}"/>
            </a:ext>
          </a:extLst>
        </xdr:cNvPr>
        <xdr:cNvSpPr txBox="1"/>
      </xdr:nvSpPr>
      <xdr:spPr>
        <a:xfrm>
          <a:off x="9258300" y="925780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6,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90931</xdr:rowOff>
    </xdr:from>
    <xdr:to>
      <xdr:col>55</xdr:col>
      <xdr:colOff>88900</xdr:colOff>
      <xdr:row>56</xdr:row>
      <xdr:rowOff>90931</xdr:rowOff>
    </xdr:to>
    <xdr:cxnSp macro="">
      <xdr:nvCxnSpPr>
        <xdr:cNvPr id="234" name="直線コネクタ 233">
          <a:extLst>
            <a:ext uri="{FF2B5EF4-FFF2-40B4-BE49-F238E27FC236}">
              <a16:creationId xmlns:a16="http://schemas.microsoft.com/office/drawing/2014/main" id="{5A454814-638F-4BB0-8D5E-2891F9994BC3}"/>
            </a:ext>
          </a:extLst>
        </xdr:cNvPr>
        <xdr:cNvCxnSpPr/>
      </xdr:nvCxnSpPr>
      <xdr:spPr>
        <a:xfrm>
          <a:off x="9154160" y="947877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06256</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id="{5570C97E-2373-4AE5-9246-98AD36621439}"/>
            </a:ext>
          </a:extLst>
        </xdr:cNvPr>
        <xdr:cNvSpPr txBox="1"/>
      </xdr:nvSpPr>
      <xdr:spPr>
        <a:xfrm>
          <a:off x="9258300" y="103322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1,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83379</xdr:rowOff>
    </xdr:from>
    <xdr:to>
      <xdr:col>55</xdr:col>
      <xdr:colOff>50800</xdr:colOff>
      <xdr:row>63</xdr:row>
      <xdr:rowOff>13529</xdr:rowOff>
    </xdr:to>
    <xdr:sp macro="" textlink="">
      <xdr:nvSpPr>
        <xdr:cNvPr id="236" name="フローチャート: 判断 235">
          <a:extLst>
            <a:ext uri="{FF2B5EF4-FFF2-40B4-BE49-F238E27FC236}">
              <a16:creationId xmlns:a16="http://schemas.microsoft.com/office/drawing/2014/main" id="{DC0C3C3F-C40C-493E-ADEC-358A10673ADF}"/>
            </a:ext>
          </a:extLst>
        </xdr:cNvPr>
        <xdr:cNvSpPr/>
      </xdr:nvSpPr>
      <xdr:spPr>
        <a:xfrm>
          <a:off x="9192260" y="1047705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99522</xdr:rowOff>
    </xdr:from>
    <xdr:to>
      <xdr:col>50</xdr:col>
      <xdr:colOff>165100</xdr:colOff>
      <xdr:row>63</xdr:row>
      <xdr:rowOff>29672</xdr:rowOff>
    </xdr:to>
    <xdr:sp macro="" textlink="">
      <xdr:nvSpPr>
        <xdr:cNvPr id="237" name="フローチャート: 判断 236">
          <a:extLst>
            <a:ext uri="{FF2B5EF4-FFF2-40B4-BE49-F238E27FC236}">
              <a16:creationId xmlns:a16="http://schemas.microsoft.com/office/drawing/2014/main" id="{730D2361-3C48-434C-81A4-6D4FE645B02F}"/>
            </a:ext>
          </a:extLst>
        </xdr:cNvPr>
        <xdr:cNvSpPr/>
      </xdr:nvSpPr>
      <xdr:spPr>
        <a:xfrm>
          <a:off x="8445500" y="1049320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06018</xdr:rowOff>
    </xdr:from>
    <xdr:to>
      <xdr:col>46</xdr:col>
      <xdr:colOff>38100</xdr:colOff>
      <xdr:row>63</xdr:row>
      <xdr:rowOff>36168</xdr:rowOff>
    </xdr:to>
    <xdr:sp macro="" textlink="">
      <xdr:nvSpPr>
        <xdr:cNvPr id="238" name="フローチャート: 判断 237">
          <a:extLst>
            <a:ext uri="{FF2B5EF4-FFF2-40B4-BE49-F238E27FC236}">
              <a16:creationId xmlns:a16="http://schemas.microsoft.com/office/drawing/2014/main" id="{CEB694D9-F105-4DBC-A291-62920CC7584F}"/>
            </a:ext>
          </a:extLst>
        </xdr:cNvPr>
        <xdr:cNvSpPr/>
      </xdr:nvSpPr>
      <xdr:spPr>
        <a:xfrm>
          <a:off x="7670800" y="1049969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17183</xdr:rowOff>
    </xdr:from>
    <xdr:to>
      <xdr:col>41</xdr:col>
      <xdr:colOff>101600</xdr:colOff>
      <xdr:row>63</xdr:row>
      <xdr:rowOff>47333</xdr:rowOff>
    </xdr:to>
    <xdr:sp macro="" textlink="">
      <xdr:nvSpPr>
        <xdr:cNvPr id="239" name="フローチャート: 判断 238">
          <a:extLst>
            <a:ext uri="{FF2B5EF4-FFF2-40B4-BE49-F238E27FC236}">
              <a16:creationId xmlns:a16="http://schemas.microsoft.com/office/drawing/2014/main" id="{DF1A1831-D358-4A40-ADF6-7F0CFE0D4BB1}"/>
            </a:ext>
          </a:extLst>
        </xdr:cNvPr>
        <xdr:cNvSpPr/>
      </xdr:nvSpPr>
      <xdr:spPr>
        <a:xfrm>
          <a:off x="6873240" y="1051086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2047</xdr:rowOff>
    </xdr:from>
    <xdr:to>
      <xdr:col>36</xdr:col>
      <xdr:colOff>165100</xdr:colOff>
      <xdr:row>63</xdr:row>
      <xdr:rowOff>52197</xdr:rowOff>
    </xdr:to>
    <xdr:sp macro="" textlink="">
      <xdr:nvSpPr>
        <xdr:cNvPr id="240" name="フローチャート: 判断 239">
          <a:extLst>
            <a:ext uri="{FF2B5EF4-FFF2-40B4-BE49-F238E27FC236}">
              <a16:creationId xmlns:a16="http://schemas.microsoft.com/office/drawing/2014/main" id="{5DEA261C-135A-4B93-9E72-F1E8B7F5025E}"/>
            </a:ext>
          </a:extLst>
        </xdr:cNvPr>
        <xdr:cNvSpPr/>
      </xdr:nvSpPr>
      <xdr:spPr>
        <a:xfrm>
          <a:off x="6098540" y="105157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65951DE8-28E8-47F7-A38A-890C3B6C61B8}"/>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433DAC18-CAE2-4187-960B-152A8F539534}"/>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7C90B8F6-0694-4E72-B271-1279303999F8}"/>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24160BA7-859F-4B93-841C-48669349995C}"/>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73C85526-87FB-461E-9C43-33A48965A441}"/>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56814</xdr:rowOff>
    </xdr:from>
    <xdr:to>
      <xdr:col>55</xdr:col>
      <xdr:colOff>50800</xdr:colOff>
      <xdr:row>64</xdr:row>
      <xdr:rowOff>158414</xdr:rowOff>
    </xdr:to>
    <xdr:sp macro="" textlink="">
      <xdr:nvSpPr>
        <xdr:cNvPr id="246" name="楕円 245">
          <a:extLst>
            <a:ext uri="{FF2B5EF4-FFF2-40B4-BE49-F238E27FC236}">
              <a16:creationId xmlns:a16="http://schemas.microsoft.com/office/drawing/2014/main" id="{315A7F2F-5E62-43E2-9DAD-0D749DF49BCC}"/>
            </a:ext>
          </a:extLst>
        </xdr:cNvPr>
        <xdr:cNvSpPr/>
      </xdr:nvSpPr>
      <xdr:spPr>
        <a:xfrm>
          <a:off x="9192260" y="1078577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43191</xdr:rowOff>
    </xdr:from>
    <xdr:ext cx="534377" cy="259045"/>
    <xdr:sp macro="" textlink="">
      <xdr:nvSpPr>
        <xdr:cNvPr id="247" name="【橋りょう・トンネル】&#10;一人当たり有形固定資産（償却資産）額該当値テキスト">
          <a:extLst>
            <a:ext uri="{FF2B5EF4-FFF2-40B4-BE49-F238E27FC236}">
              <a16:creationId xmlns:a16="http://schemas.microsoft.com/office/drawing/2014/main" id="{EA9E7451-AF94-4AE7-9E5E-93009E089E91}"/>
            </a:ext>
          </a:extLst>
        </xdr:cNvPr>
        <xdr:cNvSpPr txBox="1"/>
      </xdr:nvSpPr>
      <xdr:spPr>
        <a:xfrm>
          <a:off x="9258300" y="10704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60609</xdr:rowOff>
    </xdr:from>
    <xdr:to>
      <xdr:col>50</xdr:col>
      <xdr:colOff>165100</xdr:colOff>
      <xdr:row>64</xdr:row>
      <xdr:rowOff>162209</xdr:rowOff>
    </xdr:to>
    <xdr:sp macro="" textlink="">
      <xdr:nvSpPr>
        <xdr:cNvPr id="248" name="楕円 247">
          <a:extLst>
            <a:ext uri="{FF2B5EF4-FFF2-40B4-BE49-F238E27FC236}">
              <a16:creationId xmlns:a16="http://schemas.microsoft.com/office/drawing/2014/main" id="{E24E99E3-8CDA-4550-9E60-7C39E52A79AA}"/>
            </a:ext>
          </a:extLst>
        </xdr:cNvPr>
        <xdr:cNvSpPr/>
      </xdr:nvSpPr>
      <xdr:spPr>
        <a:xfrm>
          <a:off x="8445500" y="10789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107614</xdr:rowOff>
    </xdr:from>
    <xdr:to>
      <xdr:col>55</xdr:col>
      <xdr:colOff>0</xdr:colOff>
      <xdr:row>64</xdr:row>
      <xdr:rowOff>111409</xdr:rowOff>
    </xdr:to>
    <xdr:cxnSp macro="">
      <xdr:nvCxnSpPr>
        <xdr:cNvPr id="249" name="直線コネクタ 248">
          <a:extLst>
            <a:ext uri="{FF2B5EF4-FFF2-40B4-BE49-F238E27FC236}">
              <a16:creationId xmlns:a16="http://schemas.microsoft.com/office/drawing/2014/main" id="{BD817ECE-8385-4927-8897-A63F27CE208A}"/>
            </a:ext>
          </a:extLst>
        </xdr:cNvPr>
        <xdr:cNvCxnSpPr/>
      </xdr:nvCxnSpPr>
      <xdr:spPr>
        <a:xfrm flipV="1">
          <a:off x="8496300" y="10836574"/>
          <a:ext cx="723900" cy="3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60916</xdr:rowOff>
    </xdr:from>
    <xdr:to>
      <xdr:col>46</xdr:col>
      <xdr:colOff>38100</xdr:colOff>
      <xdr:row>64</xdr:row>
      <xdr:rowOff>162516</xdr:rowOff>
    </xdr:to>
    <xdr:sp macro="" textlink="">
      <xdr:nvSpPr>
        <xdr:cNvPr id="250" name="楕円 249">
          <a:extLst>
            <a:ext uri="{FF2B5EF4-FFF2-40B4-BE49-F238E27FC236}">
              <a16:creationId xmlns:a16="http://schemas.microsoft.com/office/drawing/2014/main" id="{B094F0A6-B933-4A4D-AD40-CCB1DE195E09}"/>
            </a:ext>
          </a:extLst>
        </xdr:cNvPr>
        <xdr:cNvSpPr/>
      </xdr:nvSpPr>
      <xdr:spPr>
        <a:xfrm>
          <a:off x="7670800" y="1078987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111409</xdr:rowOff>
    </xdr:from>
    <xdr:to>
      <xdr:col>50</xdr:col>
      <xdr:colOff>114300</xdr:colOff>
      <xdr:row>64</xdr:row>
      <xdr:rowOff>111716</xdr:rowOff>
    </xdr:to>
    <xdr:cxnSp macro="">
      <xdr:nvCxnSpPr>
        <xdr:cNvPr id="251" name="直線コネクタ 250">
          <a:extLst>
            <a:ext uri="{FF2B5EF4-FFF2-40B4-BE49-F238E27FC236}">
              <a16:creationId xmlns:a16="http://schemas.microsoft.com/office/drawing/2014/main" id="{49D3CC1E-5053-4975-B0FB-26EEC86325E0}"/>
            </a:ext>
          </a:extLst>
        </xdr:cNvPr>
        <xdr:cNvCxnSpPr/>
      </xdr:nvCxnSpPr>
      <xdr:spPr>
        <a:xfrm flipV="1">
          <a:off x="7713980" y="10840369"/>
          <a:ext cx="782320" cy="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59989</xdr:rowOff>
    </xdr:from>
    <xdr:to>
      <xdr:col>41</xdr:col>
      <xdr:colOff>101600</xdr:colOff>
      <xdr:row>64</xdr:row>
      <xdr:rowOff>161589</xdr:rowOff>
    </xdr:to>
    <xdr:sp macro="" textlink="">
      <xdr:nvSpPr>
        <xdr:cNvPr id="252" name="楕円 251">
          <a:extLst>
            <a:ext uri="{FF2B5EF4-FFF2-40B4-BE49-F238E27FC236}">
              <a16:creationId xmlns:a16="http://schemas.microsoft.com/office/drawing/2014/main" id="{0321FA3F-453B-44CA-B3EB-08EDBF416959}"/>
            </a:ext>
          </a:extLst>
        </xdr:cNvPr>
        <xdr:cNvSpPr/>
      </xdr:nvSpPr>
      <xdr:spPr>
        <a:xfrm>
          <a:off x="6873240" y="10788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110789</xdr:rowOff>
    </xdr:from>
    <xdr:to>
      <xdr:col>45</xdr:col>
      <xdr:colOff>177800</xdr:colOff>
      <xdr:row>64</xdr:row>
      <xdr:rowOff>111716</xdr:rowOff>
    </xdr:to>
    <xdr:cxnSp macro="">
      <xdr:nvCxnSpPr>
        <xdr:cNvPr id="253" name="直線コネクタ 252">
          <a:extLst>
            <a:ext uri="{FF2B5EF4-FFF2-40B4-BE49-F238E27FC236}">
              <a16:creationId xmlns:a16="http://schemas.microsoft.com/office/drawing/2014/main" id="{3F965360-E0F2-4564-A9A0-C01977EEBBCF}"/>
            </a:ext>
          </a:extLst>
        </xdr:cNvPr>
        <xdr:cNvCxnSpPr/>
      </xdr:nvCxnSpPr>
      <xdr:spPr>
        <a:xfrm>
          <a:off x="6924040" y="10839749"/>
          <a:ext cx="789940" cy="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60862</xdr:rowOff>
    </xdr:from>
    <xdr:to>
      <xdr:col>36</xdr:col>
      <xdr:colOff>165100</xdr:colOff>
      <xdr:row>64</xdr:row>
      <xdr:rowOff>162462</xdr:rowOff>
    </xdr:to>
    <xdr:sp macro="" textlink="">
      <xdr:nvSpPr>
        <xdr:cNvPr id="254" name="楕円 253">
          <a:extLst>
            <a:ext uri="{FF2B5EF4-FFF2-40B4-BE49-F238E27FC236}">
              <a16:creationId xmlns:a16="http://schemas.microsoft.com/office/drawing/2014/main" id="{32B3245E-BEFF-4B14-9B53-75991E377A15}"/>
            </a:ext>
          </a:extLst>
        </xdr:cNvPr>
        <xdr:cNvSpPr/>
      </xdr:nvSpPr>
      <xdr:spPr>
        <a:xfrm>
          <a:off x="6098540" y="10789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110789</xdr:rowOff>
    </xdr:from>
    <xdr:to>
      <xdr:col>41</xdr:col>
      <xdr:colOff>50800</xdr:colOff>
      <xdr:row>64</xdr:row>
      <xdr:rowOff>111662</xdr:rowOff>
    </xdr:to>
    <xdr:cxnSp macro="">
      <xdr:nvCxnSpPr>
        <xdr:cNvPr id="255" name="直線コネクタ 254">
          <a:extLst>
            <a:ext uri="{FF2B5EF4-FFF2-40B4-BE49-F238E27FC236}">
              <a16:creationId xmlns:a16="http://schemas.microsoft.com/office/drawing/2014/main" id="{FD36401B-13A8-4927-8A3E-89C227124DF4}"/>
            </a:ext>
          </a:extLst>
        </xdr:cNvPr>
        <xdr:cNvCxnSpPr/>
      </xdr:nvCxnSpPr>
      <xdr:spPr>
        <a:xfrm flipV="1">
          <a:off x="6149340" y="10839749"/>
          <a:ext cx="774700" cy="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46199</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id="{6831A3BA-2A3F-43FD-A786-736562A5C06A}"/>
            </a:ext>
          </a:extLst>
        </xdr:cNvPr>
        <xdr:cNvSpPr txBox="1"/>
      </xdr:nvSpPr>
      <xdr:spPr>
        <a:xfrm>
          <a:off x="8214575" y="102722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52695</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id="{4BF8B33E-F656-4C9F-878E-7EAC22462C0B}"/>
            </a:ext>
          </a:extLst>
        </xdr:cNvPr>
        <xdr:cNvSpPr txBox="1"/>
      </xdr:nvSpPr>
      <xdr:spPr>
        <a:xfrm>
          <a:off x="7444955" y="102787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0,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63860</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id="{2556464B-275A-4818-8A79-751A681AE8ED}"/>
            </a:ext>
          </a:extLst>
        </xdr:cNvPr>
        <xdr:cNvSpPr txBox="1"/>
      </xdr:nvSpPr>
      <xdr:spPr>
        <a:xfrm>
          <a:off x="6670255" y="102899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68724</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id="{2CD5D5B9-19FB-4F20-BDB0-E60C56EA6001}"/>
            </a:ext>
          </a:extLst>
        </xdr:cNvPr>
        <xdr:cNvSpPr txBox="1"/>
      </xdr:nvSpPr>
      <xdr:spPr>
        <a:xfrm>
          <a:off x="5872695" y="102947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53336</xdr:rowOff>
    </xdr:from>
    <xdr:ext cx="534377" cy="259045"/>
    <xdr:sp macro="" textlink="">
      <xdr:nvSpPr>
        <xdr:cNvPr id="260" name="n_1mainValue【橋りょう・トンネル】&#10;一人当たり有形固定資産（償却資産）額">
          <a:extLst>
            <a:ext uri="{FF2B5EF4-FFF2-40B4-BE49-F238E27FC236}">
              <a16:creationId xmlns:a16="http://schemas.microsoft.com/office/drawing/2014/main" id="{E496CACD-7F6A-40DA-9519-135531ED982F}"/>
            </a:ext>
          </a:extLst>
        </xdr:cNvPr>
        <xdr:cNvSpPr txBox="1"/>
      </xdr:nvSpPr>
      <xdr:spPr>
        <a:xfrm>
          <a:off x="8239271" y="10882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53643</xdr:rowOff>
    </xdr:from>
    <xdr:ext cx="534377" cy="259045"/>
    <xdr:sp macro="" textlink="">
      <xdr:nvSpPr>
        <xdr:cNvPr id="261" name="n_2mainValue【橋りょう・トンネル】&#10;一人当たり有形固定資産（償却資産）額">
          <a:extLst>
            <a:ext uri="{FF2B5EF4-FFF2-40B4-BE49-F238E27FC236}">
              <a16:creationId xmlns:a16="http://schemas.microsoft.com/office/drawing/2014/main" id="{0189F67F-9F61-4D00-AE8B-8A3C8D09BB54}"/>
            </a:ext>
          </a:extLst>
        </xdr:cNvPr>
        <xdr:cNvSpPr txBox="1"/>
      </xdr:nvSpPr>
      <xdr:spPr>
        <a:xfrm>
          <a:off x="7477271" y="10882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52716</xdr:rowOff>
    </xdr:from>
    <xdr:ext cx="534377" cy="259045"/>
    <xdr:sp macro="" textlink="">
      <xdr:nvSpPr>
        <xdr:cNvPr id="262" name="n_3mainValue【橋りょう・トンネル】&#10;一人当たり有形固定資産（償却資産）額">
          <a:extLst>
            <a:ext uri="{FF2B5EF4-FFF2-40B4-BE49-F238E27FC236}">
              <a16:creationId xmlns:a16="http://schemas.microsoft.com/office/drawing/2014/main" id="{3B13A7C9-9FC2-468E-8D30-53FF1856C11D}"/>
            </a:ext>
          </a:extLst>
        </xdr:cNvPr>
        <xdr:cNvSpPr txBox="1"/>
      </xdr:nvSpPr>
      <xdr:spPr>
        <a:xfrm>
          <a:off x="6702571" y="10881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53589</xdr:rowOff>
    </xdr:from>
    <xdr:ext cx="534377" cy="259045"/>
    <xdr:sp macro="" textlink="">
      <xdr:nvSpPr>
        <xdr:cNvPr id="263" name="n_4mainValue【橋りょう・トンネル】&#10;一人当たり有形固定資産（償却資産）額">
          <a:extLst>
            <a:ext uri="{FF2B5EF4-FFF2-40B4-BE49-F238E27FC236}">
              <a16:creationId xmlns:a16="http://schemas.microsoft.com/office/drawing/2014/main" id="{CD1F25C6-9529-45BE-B6C9-427DF7731452}"/>
            </a:ext>
          </a:extLst>
        </xdr:cNvPr>
        <xdr:cNvSpPr txBox="1"/>
      </xdr:nvSpPr>
      <xdr:spPr>
        <a:xfrm>
          <a:off x="5905011" y="1088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F9B94ACF-19A7-4C72-B189-2733B0992C4C}"/>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612ED8CD-6110-4957-83E3-935DCC0129D6}"/>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96E84DC4-0648-4D39-88D2-7D296A6396B7}"/>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E7F64B51-8D3A-4177-8A75-A60EA59E57B0}"/>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4C308EF4-06A7-4EF4-8F80-E5FE9216364D}"/>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35DC75BD-D72C-4D46-82C2-61B9AB50FB4A}"/>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36F8809A-938B-420A-8566-8F318AEA01B5}"/>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C6BE9539-D453-48AD-9F04-ADF868D3E91A}"/>
            </a:ext>
          </a:extLst>
        </xdr:cNvPr>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id="{13F8A128-10F3-4529-826F-F8409816C622}"/>
            </a:ext>
          </a:extLst>
        </xdr:cNvPr>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id="{1A915263-6B9F-46F4-B8AF-73700E266ED9}"/>
            </a:ext>
          </a:extLst>
        </xdr:cNvPr>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id="{0B63639E-F4BE-4F91-ADDB-02F85725ED16}"/>
            </a:ext>
          </a:extLst>
        </xdr:cNvPr>
        <xdr:cNvSpPr txBox="1"/>
      </xdr:nvSpPr>
      <xdr:spPr>
        <a:xfrm>
          <a:off x="27196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5" name="直線コネクタ 274">
          <a:extLst>
            <a:ext uri="{FF2B5EF4-FFF2-40B4-BE49-F238E27FC236}">
              <a16:creationId xmlns:a16="http://schemas.microsoft.com/office/drawing/2014/main" id="{F2D15B34-F188-4DC3-A6A5-9757D6D47395}"/>
            </a:ext>
          </a:extLst>
        </xdr:cNvPr>
        <xdr:cNvCxnSpPr/>
      </xdr:nvCxnSpPr>
      <xdr:spPr>
        <a:xfrm>
          <a:off x="67056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6" name="テキスト ボックス 275">
          <a:extLst>
            <a:ext uri="{FF2B5EF4-FFF2-40B4-BE49-F238E27FC236}">
              <a16:creationId xmlns:a16="http://schemas.microsoft.com/office/drawing/2014/main" id="{D5C2B455-3FF7-44E0-B303-FD7C052055C7}"/>
            </a:ext>
          </a:extLst>
        </xdr:cNvPr>
        <xdr:cNvSpPr txBox="1"/>
      </xdr:nvSpPr>
      <xdr:spPr>
        <a:xfrm>
          <a:off x="27196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7" name="直線コネクタ 276">
          <a:extLst>
            <a:ext uri="{FF2B5EF4-FFF2-40B4-BE49-F238E27FC236}">
              <a16:creationId xmlns:a16="http://schemas.microsoft.com/office/drawing/2014/main" id="{EC15C1CA-3339-4513-BF6C-7CE501E83890}"/>
            </a:ext>
          </a:extLst>
        </xdr:cNvPr>
        <xdr:cNvCxnSpPr/>
      </xdr:nvCxnSpPr>
      <xdr:spPr>
        <a:xfrm>
          <a:off x="67056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8" name="テキスト ボックス 277">
          <a:extLst>
            <a:ext uri="{FF2B5EF4-FFF2-40B4-BE49-F238E27FC236}">
              <a16:creationId xmlns:a16="http://schemas.microsoft.com/office/drawing/2014/main" id="{711335BE-5AC7-472A-B960-E847F3EBFF13}"/>
            </a:ext>
          </a:extLst>
        </xdr:cNvPr>
        <xdr:cNvSpPr txBox="1"/>
      </xdr:nvSpPr>
      <xdr:spPr>
        <a:xfrm>
          <a:off x="33608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9" name="直線コネクタ 278">
          <a:extLst>
            <a:ext uri="{FF2B5EF4-FFF2-40B4-BE49-F238E27FC236}">
              <a16:creationId xmlns:a16="http://schemas.microsoft.com/office/drawing/2014/main" id="{7C9A721E-1870-4131-BABF-600E2A4A26DD}"/>
            </a:ext>
          </a:extLst>
        </xdr:cNvPr>
        <xdr:cNvCxnSpPr/>
      </xdr:nvCxnSpPr>
      <xdr:spPr>
        <a:xfrm>
          <a:off x="67056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0" name="テキスト ボックス 279">
          <a:extLst>
            <a:ext uri="{FF2B5EF4-FFF2-40B4-BE49-F238E27FC236}">
              <a16:creationId xmlns:a16="http://schemas.microsoft.com/office/drawing/2014/main" id="{48CFA333-D06C-405C-81F6-DA7EF0CDF8F2}"/>
            </a:ext>
          </a:extLst>
        </xdr:cNvPr>
        <xdr:cNvSpPr txBox="1"/>
      </xdr:nvSpPr>
      <xdr:spPr>
        <a:xfrm>
          <a:off x="33608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1" name="直線コネクタ 280">
          <a:extLst>
            <a:ext uri="{FF2B5EF4-FFF2-40B4-BE49-F238E27FC236}">
              <a16:creationId xmlns:a16="http://schemas.microsoft.com/office/drawing/2014/main" id="{D0542516-F974-4052-A9BC-BFC9160D50DA}"/>
            </a:ext>
          </a:extLst>
        </xdr:cNvPr>
        <xdr:cNvCxnSpPr/>
      </xdr:nvCxnSpPr>
      <xdr:spPr>
        <a:xfrm>
          <a:off x="67056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2" name="テキスト ボックス 281">
          <a:extLst>
            <a:ext uri="{FF2B5EF4-FFF2-40B4-BE49-F238E27FC236}">
              <a16:creationId xmlns:a16="http://schemas.microsoft.com/office/drawing/2014/main" id="{A2A49FC9-FFC9-4BB5-BA4B-FD8729494F18}"/>
            </a:ext>
          </a:extLst>
        </xdr:cNvPr>
        <xdr:cNvSpPr txBox="1"/>
      </xdr:nvSpPr>
      <xdr:spPr>
        <a:xfrm>
          <a:off x="33608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3" name="直線コネクタ 282">
          <a:extLst>
            <a:ext uri="{FF2B5EF4-FFF2-40B4-BE49-F238E27FC236}">
              <a16:creationId xmlns:a16="http://schemas.microsoft.com/office/drawing/2014/main" id="{0E4028DE-B1AE-44C3-AA15-2E8E196CBED0}"/>
            </a:ext>
          </a:extLst>
        </xdr:cNvPr>
        <xdr:cNvCxnSpPr/>
      </xdr:nvCxnSpPr>
      <xdr:spPr>
        <a:xfrm>
          <a:off x="67056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4" name="テキスト ボックス 283">
          <a:extLst>
            <a:ext uri="{FF2B5EF4-FFF2-40B4-BE49-F238E27FC236}">
              <a16:creationId xmlns:a16="http://schemas.microsoft.com/office/drawing/2014/main" id="{6ECB44EA-29D6-4860-BBCA-E0262D80C882}"/>
            </a:ext>
          </a:extLst>
        </xdr:cNvPr>
        <xdr:cNvSpPr txBox="1"/>
      </xdr:nvSpPr>
      <xdr:spPr>
        <a:xfrm>
          <a:off x="33608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64BE21BD-D7F9-4C46-933C-32F9B10EF09D}"/>
            </a:ext>
          </a:extLst>
        </xdr:cNvPr>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6" name="テキスト ボックス 285">
          <a:extLst>
            <a:ext uri="{FF2B5EF4-FFF2-40B4-BE49-F238E27FC236}">
              <a16:creationId xmlns:a16="http://schemas.microsoft.com/office/drawing/2014/main" id="{BD0AC379-576B-4086-8D96-B902394ED155}"/>
            </a:ext>
          </a:extLst>
        </xdr:cNvPr>
        <xdr:cNvSpPr txBox="1"/>
      </xdr:nvSpPr>
      <xdr:spPr>
        <a:xfrm>
          <a:off x="377341" y="125298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a16="http://schemas.microsoft.com/office/drawing/2014/main" id="{215DBF3C-647A-4955-BD8C-7EF094B7A039}"/>
            </a:ext>
          </a:extLst>
        </xdr:cNvPr>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9545</xdr:rowOff>
    </xdr:from>
    <xdr:to>
      <xdr:col>24</xdr:col>
      <xdr:colOff>62865</xdr:colOff>
      <xdr:row>86</xdr:row>
      <xdr:rowOff>114300</xdr:rowOff>
    </xdr:to>
    <xdr:cxnSp macro="">
      <xdr:nvCxnSpPr>
        <xdr:cNvPr id="288" name="直線コネクタ 287">
          <a:extLst>
            <a:ext uri="{FF2B5EF4-FFF2-40B4-BE49-F238E27FC236}">
              <a16:creationId xmlns:a16="http://schemas.microsoft.com/office/drawing/2014/main" id="{99388D21-7A15-4066-B2AD-C1A09F139042}"/>
            </a:ext>
          </a:extLst>
        </xdr:cNvPr>
        <xdr:cNvCxnSpPr/>
      </xdr:nvCxnSpPr>
      <xdr:spPr>
        <a:xfrm flipV="1">
          <a:off x="4086225" y="13077825"/>
          <a:ext cx="0" cy="14535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9" name="【公営住宅】&#10;有形固定資産減価償却率最小値テキスト">
          <a:extLst>
            <a:ext uri="{FF2B5EF4-FFF2-40B4-BE49-F238E27FC236}">
              <a16:creationId xmlns:a16="http://schemas.microsoft.com/office/drawing/2014/main" id="{07130793-3C4C-49B3-A9E5-A0D31526EC12}"/>
            </a:ext>
          </a:extLst>
        </xdr:cNvPr>
        <xdr:cNvSpPr txBox="1"/>
      </xdr:nvSpPr>
      <xdr:spPr>
        <a:xfrm>
          <a:off x="4124960" y="14535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90" name="直線コネクタ 289">
          <a:extLst>
            <a:ext uri="{FF2B5EF4-FFF2-40B4-BE49-F238E27FC236}">
              <a16:creationId xmlns:a16="http://schemas.microsoft.com/office/drawing/2014/main" id="{8E80E1C2-2266-4A19-913E-CDD8FFD7FECA}"/>
            </a:ext>
          </a:extLst>
        </xdr:cNvPr>
        <xdr:cNvCxnSpPr/>
      </xdr:nvCxnSpPr>
      <xdr:spPr>
        <a:xfrm>
          <a:off x="4020820" y="145313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6222</xdr:rowOff>
    </xdr:from>
    <xdr:ext cx="405111" cy="259045"/>
    <xdr:sp macro="" textlink="">
      <xdr:nvSpPr>
        <xdr:cNvPr id="291" name="【公営住宅】&#10;有形固定資産減価償却率最大値テキスト">
          <a:extLst>
            <a:ext uri="{FF2B5EF4-FFF2-40B4-BE49-F238E27FC236}">
              <a16:creationId xmlns:a16="http://schemas.microsoft.com/office/drawing/2014/main" id="{68A9A923-5CE1-4A51-8E6E-E7FB0B734589}"/>
            </a:ext>
          </a:extLst>
        </xdr:cNvPr>
        <xdr:cNvSpPr txBox="1"/>
      </xdr:nvSpPr>
      <xdr:spPr>
        <a:xfrm>
          <a:off x="4124960" y="12856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9545</xdr:rowOff>
    </xdr:from>
    <xdr:to>
      <xdr:col>24</xdr:col>
      <xdr:colOff>152400</xdr:colOff>
      <xdr:row>77</xdr:row>
      <xdr:rowOff>169545</xdr:rowOff>
    </xdr:to>
    <xdr:cxnSp macro="">
      <xdr:nvCxnSpPr>
        <xdr:cNvPr id="292" name="直線コネクタ 291">
          <a:extLst>
            <a:ext uri="{FF2B5EF4-FFF2-40B4-BE49-F238E27FC236}">
              <a16:creationId xmlns:a16="http://schemas.microsoft.com/office/drawing/2014/main" id="{A65EE24A-C411-463C-86A1-82B49D3B9D8E}"/>
            </a:ext>
          </a:extLst>
        </xdr:cNvPr>
        <xdr:cNvCxnSpPr/>
      </xdr:nvCxnSpPr>
      <xdr:spPr>
        <a:xfrm>
          <a:off x="4020820" y="130778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70502</xdr:rowOff>
    </xdr:from>
    <xdr:ext cx="405111" cy="259045"/>
    <xdr:sp macro="" textlink="">
      <xdr:nvSpPr>
        <xdr:cNvPr id="293" name="【公営住宅】&#10;有形固定資産減価償却率平均値テキスト">
          <a:extLst>
            <a:ext uri="{FF2B5EF4-FFF2-40B4-BE49-F238E27FC236}">
              <a16:creationId xmlns:a16="http://schemas.microsoft.com/office/drawing/2014/main" id="{D330524E-B83E-4157-931F-6B0ADD3BA1E3}"/>
            </a:ext>
          </a:extLst>
        </xdr:cNvPr>
        <xdr:cNvSpPr txBox="1"/>
      </xdr:nvSpPr>
      <xdr:spPr>
        <a:xfrm>
          <a:off x="4124960" y="138169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92075</xdr:rowOff>
    </xdr:from>
    <xdr:to>
      <xdr:col>24</xdr:col>
      <xdr:colOff>114300</xdr:colOff>
      <xdr:row>83</xdr:row>
      <xdr:rowOff>22225</xdr:rowOff>
    </xdr:to>
    <xdr:sp macro="" textlink="">
      <xdr:nvSpPr>
        <xdr:cNvPr id="294" name="フローチャート: 判断 293">
          <a:extLst>
            <a:ext uri="{FF2B5EF4-FFF2-40B4-BE49-F238E27FC236}">
              <a16:creationId xmlns:a16="http://schemas.microsoft.com/office/drawing/2014/main" id="{61563A65-E3E7-4E2E-88E8-8FA4202FF733}"/>
            </a:ext>
          </a:extLst>
        </xdr:cNvPr>
        <xdr:cNvSpPr/>
      </xdr:nvSpPr>
      <xdr:spPr>
        <a:xfrm>
          <a:off x="4036060" y="138385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1595</xdr:rowOff>
    </xdr:from>
    <xdr:to>
      <xdr:col>20</xdr:col>
      <xdr:colOff>38100</xdr:colOff>
      <xdr:row>82</xdr:row>
      <xdr:rowOff>163195</xdr:rowOff>
    </xdr:to>
    <xdr:sp macro="" textlink="">
      <xdr:nvSpPr>
        <xdr:cNvPr id="295" name="フローチャート: 判断 294">
          <a:extLst>
            <a:ext uri="{FF2B5EF4-FFF2-40B4-BE49-F238E27FC236}">
              <a16:creationId xmlns:a16="http://schemas.microsoft.com/office/drawing/2014/main" id="{0B56CB42-9DF3-4F86-9A3B-FCF4445A0300}"/>
            </a:ext>
          </a:extLst>
        </xdr:cNvPr>
        <xdr:cNvSpPr/>
      </xdr:nvSpPr>
      <xdr:spPr>
        <a:xfrm>
          <a:off x="3312160" y="1380807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9214</xdr:rowOff>
    </xdr:from>
    <xdr:to>
      <xdr:col>15</xdr:col>
      <xdr:colOff>101600</xdr:colOff>
      <xdr:row>82</xdr:row>
      <xdr:rowOff>170814</xdr:rowOff>
    </xdr:to>
    <xdr:sp macro="" textlink="">
      <xdr:nvSpPr>
        <xdr:cNvPr id="296" name="フローチャート: 判断 295">
          <a:extLst>
            <a:ext uri="{FF2B5EF4-FFF2-40B4-BE49-F238E27FC236}">
              <a16:creationId xmlns:a16="http://schemas.microsoft.com/office/drawing/2014/main" id="{F67BD51D-255C-4BA5-BC57-813C3C944170}"/>
            </a:ext>
          </a:extLst>
        </xdr:cNvPr>
        <xdr:cNvSpPr/>
      </xdr:nvSpPr>
      <xdr:spPr>
        <a:xfrm>
          <a:off x="2514600" y="13815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65405</xdr:rowOff>
    </xdr:from>
    <xdr:to>
      <xdr:col>10</xdr:col>
      <xdr:colOff>165100</xdr:colOff>
      <xdr:row>82</xdr:row>
      <xdr:rowOff>167005</xdr:rowOff>
    </xdr:to>
    <xdr:sp macro="" textlink="">
      <xdr:nvSpPr>
        <xdr:cNvPr id="297" name="フローチャート: 判断 296">
          <a:extLst>
            <a:ext uri="{FF2B5EF4-FFF2-40B4-BE49-F238E27FC236}">
              <a16:creationId xmlns:a16="http://schemas.microsoft.com/office/drawing/2014/main" id="{331CA7B6-8D45-4A7C-A1FA-F7427D28D207}"/>
            </a:ext>
          </a:extLst>
        </xdr:cNvPr>
        <xdr:cNvSpPr/>
      </xdr:nvSpPr>
      <xdr:spPr>
        <a:xfrm>
          <a:off x="1739900" y="13811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34925</xdr:rowOff>
    </xdr:from>
    <xdr:to>
      <xdr:col>6</xdr:col>
      <xdr:colOff>38100</xdr:colOff>
      <xdr:row>82</xdr:row>
      <xdr:rowOff>136525</xdr:rowOff>
    </xdr:to>
    <xdr:sp macro="" textlink="">
      <xdr:nvSpPr>
        <xdr:cNvPr id="298" name="フローチャート: 判断 297">
          <a:extLst>
            <a:ext uri="{FF2B5EF4-FFF2-40B4-BE49-F238E27FC236}">
              <a16:creationId xmlns:a16="http://schemas.microsoft.com/office/drawing/2014/main" id="{1E376CFC-BAB8-4C26-B8DD-E649667B16DF}"/>
            </a:ext>
          </a:extLst>
        </xdr:cNvPr>
        <xdr:cNvSpPr/>
      </xdr:nvSpPr>
      <xdr:spPr>
        <a:xfrm>
          <a:off x="965200" y="1378140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FFD4D18B-8D7D-4AAA-9C66-334839C10C84}"/>
            </a:ext>
          </a:extLst>
        </xdr:cNvPr>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2660A233-D5E7-418B-8135-3BACDF5B0D30}"/>
            </a:ext>
          </a:extLst>
        </xdr:cNvPr>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3A7C8FB0-E186-417E-A2A1-071471259209}"/>
            </a:ext>
          </a:extLst>
        </xdr:cNvPr>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A51A9A86-0B1D-4EB4-9141-C8C039E490DA}"/>
            </a:ext>
          </a:extLst>
        </xdr:cNvPr>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29F1EC1B-C8E8-404F-B72C-46BD50FAAA9D}"/>
            </a:ext>
          </a:extLst>
        </xdr:cNvPr>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8745</xdr:rowOff>
    </xdr:from>
    <xdr:to>
      <xdr:col>24</xdr:col>
      <xdr:colOff>114300</xdr:colOff>
      <xdr:row>78</xdr:row>
      <xdr:rowOff>48895</xdr:rowOff>
    </xdr:to>
    <xdr:sp macro="" textlink="">
      <xdr:nvSpPr>
        <xdr:cNvPr id="304" name="楕円 303">
          <a:extLst>
            <a:ext uri="{FF2B5EF4-FFF2-40B4-BE49-F238E27FC236}">
              <a16:creationId xmlns:a16="http://schemas.microsoft.com/office/drawing/2014/main" id="{D9B1452C-2409-4CAD-AAA5-934A3060F964}"/>
            </a:ext>
          </a:extLst>
        </xdr:cNvPr>
        <xdr:cNvSpPr/>
      </xdr:nvSpPr>
      <xdr:spPr>
        <a:xfrm>
          <a:off x="4036060" y="130270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7</xdr:row>
      <xdr:rowOff>71772</xdr:rowOff>
    </xdr:from>
    <xdr:ext cx="405111" cy="259045"/>
    <xdr:sp macro="" textlink="">
      <xdr:nvSpPr>
        <xdr:cNvPr id="305" name="【公営住宅】&#10;有形固定資産減価償却率該当値テキスト">
          <a:extLst>
            <a:ext uri="{FF2B5EF4-FFF2-40B4-BE49-F238E27FC236}">
              <a16:creationId xmlns:a16="http://schemas.microsoft.com/office/drawing/2014/main" id="{0864B28E-068B-47F4-8194-9AE532F99EB4}"/>
            </a:ext>
          </a:extLst>
        </xdr:cNvPr>
        <xdr:cNvSpPr txBox="1"/>
      </xdr:nvSpPr>
      <xdr:spPr>
        <a:xfrm>
          <a:off x="4124960" y="12980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2550</xdr:rowOff>
    </xdr:from>
    <xdr:to>
      <xdr:col>20</xdr:col>
      <xdr:colOff>38100</xdr:colOff>
      <xdr:row>78</xdr:row>
      <xdr:rowOff>12700</xdr:rowOff>
    </xdr:to>
    <xdr:sp macro="" textlink="">
      <xdr:nvSpPr>
        <xdr:cNvPr id="306" name="楕円 305">
          <a:extLst>
            <a:ext uri="{FF2B5EF4-FFF2-40B4-BE49-F238E27FC236}">
              <a16:creationId xmlns:a16="http://schemas.microsoft.com/office/drawing/2014/main" id="{E9FFDABA-6EFD-484A-BD34-172C2B515CBC}"/>
            </a:ext>
          </a:extLst>
        </xdr:cNvPr>
        <xdr:cNvSpPr/>
      </xdr:nvSpPr>
      <xdr:spPr>
        <a:xfrm>
          <a:off x="3312160" y="129908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7</xdr:row>
      <xdr:rowOff>133350</xdr:rowOff>
    </xdr:from>
    <xdr:to>
      <xdr:col>24</xdr:col>
      <xdr:colOff>63500</xdr:colOff>
      <xdr:row>77</xdr:row>
      <xdr:rowOff>169545</xdr:rowOff>
    </xdr:to>
    <xdr:cxnSp macro="">
      <xdr:nvCxnSpPr>
        <xdr:cNvPr id="307" name="直線コネクタ 306">
          <a:extLst>
            <a:ext uri="{FF2B5EF4-FFF2-40B4-BE49-F238E27FC236}">
              <a16:creationId xmlns:a16="http://schemas.microsoft.com/office/drawing/2014/main" id="{B51A5268-2BDA-43CC-82CD-386F57C20CB5}"/>
            </a:ext>
          </a:extLst>
        </xdr:cNvPr>
        <xdr:cNvCxnSpPr/>
      </xdr:nvCxnSpPr>
      <xdr:spPr>
        <a:xfrm>
          <a:off x="3355340" y="13041630"/>
          <a:ext cx="73152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9686</xdr:rowOff>
    </xdr:from>
    <xdr:to>
      <xdr:col>15</xdr:col>
      <xdr:colOff>101600</xdr:colOff>
      <xdr:row>77</xdr:row>
      <xdr:rowOff>121286</xdr:rowOff>
    </xdr:to>
    <xdr:sp macro="" textlink="">
      <xdr:nvSpPr>
        <xdr:cNvPr id="308" name="楕円 307">
          <a:extLst>
            <a:ext uri="{FF2B5EF4-FFF2-40B4-BE49-F238E27FC236}">
              <a16:creationId xmlns:a16="http://schemas.microsoft.com/office/drawing/2014/main" id="{2529E1B3-3570-4379-8046-E7FEF442E3E3}"/>
            </a:ext>
          </a:extLst>
        </xdr:cNvPr>
        <xdr:cNvSpPr/>
      </xdr:nvSpPr>
      <xdr:spPr>
        <a:xfrm>
          <a:off x="2514600" y="12927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70486</xdr:rowOff>
    </xdr:from>
    <xdr:to>
      <xdr:col>19</xdr:col>
      <xdr:colOff>177800</xdr:colOff>
      <xdr:row>77</xdr:row>
      <xdr:rowOff>133350</xdr:rowOff>
    </xdr:to>
    <xdr:cxnSp macro="">
      <xdr:nvCxnSpPr>
        <xdr:cNvPr id="309" name="直線コネクタ 308">
          <a:extLst>
            <a:ext uri="{FF2B5EF4-FFF2-40B4-BE49-F238E27FC236}">
              <a16:creationId xmlns:a16="http://schemas.microsoft.com/office/drawing/2014/main" id="{48AD0CB9-A1FD-4CD6-BACF-FAD1B3F3C1C0}"/>
            </a:ext>
          </a:extLst>
        </xdr:cNvPr>
        <xdr:cNvCxnSpPr/>
      </xdr:nvCxnSpPr>
      <xdr:spPr>
        <a:xfrm>
          <a:off x="2565400" y="12978766"/>
          <a:ext cx="789940" cy="62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2545</xdr:rowOff>
    </xdr:from>
    <xdr:to>
      <xdr:col>10</xdr:col>
      <xdr:colOff>165100</xdr:colOff>
      <xdr:row>77</xdr:row>
      <xdr:rowOff>144145</xdr:rowOff>
    </xdr:to>
    <xdr:sp macro="" textlink="">
      <xdr:nvSpPr>
        <xdr:cNvPr id="310" name="楕円 309">
          <a:extLst>
            <a:ext uri="{FF2B5EF4-FFF2-40B4-BE49-F238E27FC236}">
              <a16:creationId xmlns:a16="http://schemas.microsoft.com/office/drawing/2014/main" id="{08EA9487-FCFB-4F3B-BAFE-C676DA377D55}"/>
            </a:ext>
          </a:extLst>
        </xdr:cNvPr>
        <xdr:cNvSpPr/>
      </xdr:nvSpPr>
      <xdr:spPr>
        <a:xfrm>
          <a:off x="1739900" y="1295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7</xdr:row>
      <xdr:rowOff>70486</xdr:rowOff>
    </xdr:from>
    <xdr:to>
      <xdr:col>15</xdr:col>
      <xdr:colOff>50800</xdr:colOff>
      <xdr:row>77</xdr:row>
      <xdr:rowOff>93345</xdr:rowOff>
    </xdr:to>
    <xdr:cxnSp macro="">
      <xdr:nvCxnSpPr>
        <xdr:cNvPr id="311" name="直線コネクタ 310">
          <a:extLst>
            <a:ext uri="{FF2B5EF4-FFF2-40B4-BE49-F238E27FC236}">
              <a16:creationId xmlns:a16="http://schemas.microsoft.com/office/drawing/2014/main" id="{A951ADD5-7457-4B4B-9783-607EDF557AD0}"/>
            </a:ext>
          </a:extLst>
        </xdr:cNvPr>
        <xdr:cNvCxnSpPr/>
      </xdr:nvCxnSpPr>
      <xdr:spPr>
        <a:xfrm flipV="1">
          <a:off x="1790700" y="12978766"/>
          <a:ext cx="7747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7</xdr:row>
      <xdr:rowOff>6350</xdr:rowOff>
    </xdr:from>
    <xdr:to>
      <xdr:col>6</xdr:col>
      <xdr:colOff>38100</xdr:colOff>
      <xdr:row>77</xdr:row>
      <xdr:rowOff>107950</xdr:rowOff>
    </xdr:to>
    <xdr:sp macro="" textlink="">
      <xdr:nvSpPr>
        <xdr:cNvPr id="312" name="楕円 311">
          <a:extLst>
            <a:ext uri="{FF2B5EF4-FFF2-40B4-BE49-F238E27FC236}">
              <a16:creationId xmlns:a16="http://schemas.microsoft.com/office/drawing/2014/main" id="{D34B62C1-D32A-4268-BAFF-6ADCB03D1DF9}"/>
            </a:ext>
          </a:extLst>
        </xdr:cNvPr>
        <xdr:cNvSpPr/>
      </xdr:nvSpPr>
      <xdr:spPr>
        <a:xfrm>
          <a:off x="965200" y="129146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7</xdr:row>
      <xdr:rowOff>57150</xdr:rowOff>
    </xdr:from>
    <xdr:to>
      <xdr:col>10</xdr:col>
      <xdr:colOff>114300</xdr:colOff>
      <xdr:row>77</xdr:row>
      <xdr:rowOff>93345</xdr:rowOff>
    </xdr:to>
    <xdr:cxnSp macro="">
      <xdr:nvCxnSpPr>
        <xdr:cNvPr id="313" name="直線コネクタ 312">
          <a:extLst>
            <a:ext uri="{FF2B5EF4-FFF2-40B4-BE49-F238E27FC236}">
              <a16:creationId xmlns:a16="http://schemas.microsoft.com/office/drawing/2014/main" id="{E36353EF-9868-423D-936E-CBFEED86C3EB}"/>
            </a:ext>
          </a:extLst>
        </xdr:cNvPr>
        <xdr:cNvCxnSpPr/>
      </xdr:nvCxnSpPr>
      <xdr:spPr>
        <a:xfrm>
          <a:off x="1008380" y="12965430"/>
          <a:ext cx="78232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54322</xdr:rowOff>
    </xdr:from>
    <xdr:ext cx="405111" cy="259045"/>
    <xdr:sp macro="" textlink="">
      <xdr:nvSpPr>
        <xdr:cNvPr id="314" name="n_1aveValue【公営住宅】&#10;有形固定資産減価償却率">
          <a:extLst>
            <a:ext uri="{FF2B5EF4-FFF2-40B4-BE49-F238E27FC236}">
              <a16:creationId xmlns:a16="http://schemas.microsoft.com/office/drawing/2014/main" id="{E4F4B658-82C5-49B7-81C5-661766426D79}"/>
            </a:ext>
          </a:extLst>
        </xdr:cNvPr>
        <xdr:cNvSpPr txBox="1"/>
      </xdr:nvSpPr>
      <xdr:spPr>
        <a:xfrm>
          <a:off x="3170564" y="13900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61941</xdr:rowOff>
    </xdr:from>
    <xdr:ext cx="405111" cy="259045"/>
    <xdr:sp macro="" textlink="">
      <xdr:nvSpPr>
        <xdr:cNvPr id="315" name="n_2aveValue【公営住宅】&#10;有形固定資産減価償却率">
          <a:extLst>
            <a:ext uri="{FF2B5EF4-FFF2-40B4-BE49-F238E27FC236}">
              <a16:creationId xmlns:a16="http://schemas.microsoft.com/office/drawing/2014/main" id="{DCBD8DBA-7C8A-4E8F-910C-14D6B419FB9F}"/>
            </a:ext>
          </a:extLst>
        </xdr:cNvPr>
        <xdr:cNvSpPr txBox="1"/>
      </xdr:nvSpPr>
      <xdr:spPr>
        <a:xfrm>
          <a:off x="2385704" y="13908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58132</xdr:rowOff>
    </xdr:from>
    <xdr:ext cx="405111" cy="259045"/>
    <xdr:sp macro="" textlink="">
      <xdr:nvSpPr>
        <xdr:cNvPr id="316" name="n_3aveValue【公営住宅】&#10;有形固定資産減価償却率">
          <a:extLst>
            <a:ext uri="{FF2B5EF4-FFF2-40B4-BE49-F238E27FC236}">
              <a16:creationId xmlns:a16="http://schemas.microsoft.com/office/drawing/2014/main" id="{F388D75B-6A6F-4E7C-8D1C-D35A10F5776D}"/>
            </a:ext>
          </a:extLst>
        </xdr:cNvPr>
        <xdr:cNvSpPr txBox="1"/>
      </xdr:nvSpPr>
      <xdr:spPr>
        <a:xfrm>
          <a:off x="1611004" y="13904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27652</xdr:rowOff>
    </xdr:from>
    <xdr:ext cx="405111" cy="259045"/>
    <xdr:sp macro="" textlink="">
      <xdr:nvSpPr>
        <xdr:cNvPr id="317" name="n_4aveValue【公営住宅】&#10;有形固定資産減価償却率">
          <a:extLst>
            <a:ext uri="{FF2B5EF4-FFF2-40B4-BE49-F238E27FC236}">
              <a16:creationId xmlns:a16="http://schemas.microsoft.com/office/drawing/2014/main" id="{B10B4D66-A415-4281-A0E0-C7F6B7098078}"/>
            </a:ext>
          </a:extLst>
        </xdr:cNvPr>
        <xdr:cNvSpPr txBox="1"/>
      </xdr:nvSpPr>
      <xdr:spPr>
        <a:xfrm>
          <a:off x="836304" y="13874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6</xdr:row>
      <xdr:rowOff>29227</xdr:rowOff>
    </xdr:from>
    <xdr:ext cx="405111" cy="259045"/>
    <xdr:sp macro="" textlink="">
      <xdr:nvSpPr>
        <xdr:cNvPr id="318" name="n_1mainValue【公営住宅】&#10;有形固定資産減価償却率">
          <a:extLst>
            <a:ext uri="{FF2B5EF4-FFF2-40B4-BE49-F238E27FC236}">
              <a16:creationId xmlns:a16="http://schemas.microsoft.com/office/drawing/2014/main" id="{A2C6BA2F-577E-4FCD-9981-F544CA9CCB7D}"/>
            </a:ext>
          </a:extLst>
        </xdr:cNvPr>
        <xdr:cNvSpPr txBox="1"/>
      </xdr:nvSpPr>
      <xdr:spPr>
        <a:xfrm>
          <a:off x="3170564" y="1276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5</xdr:row>
      <xdr:rowOff>137813</xdr:rowOff>
    </xdr:from>
    <xdr:ext cx="405111" cy="259045"/>
    <xdr:sp macro="" textlink="">
      <xdr:nvSpPr>
        <xdr:cNvPr id="319" name="n_2mainValue【公営住宅】&#10;有形固定資産減価償却率">
          <a:extLst>
            <a:ext uri="{FF2B5EF4-FFF2-40B4-BE49-F238E27FC236}">
              <a16:creationId xmlns:a16="http://schemas.microsoft.com/office/drawing/2014/main" id="{3600074C-70C4-45A2-9A50-5167137FC77E}"/>
            </a:ext>
          </a:extLst>
        </xdr:cNvPr>
        <xdr:cNvSpPr txBox="1"/>
      </xdr:nvSpPr>
      <xdr:spPr>
        <a:xfrm>
          <a:off x="2385704" y="1271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5</xdr:row>
      <xdr:rowOff>160672</xdr:rowOff>
    </xdr:from>
    <xdr:ext cx="405111" cy="259045"/>
    <xdr:sp macro="" textlink="">
      <xdr:nvSpPr>
        <xdr:cNvPr id="320" name="n_3mainValue【公営住宅】&#10;有形固定資産減価償却率">
          <a:extLst>
            <a:ext uri="{FF2B5EF4-FFF2-40B4-BE49-F238E27FC236}">
              <a16:creationId xmlns:a16="http://schemas.microsoft.com/office/drawing/2014/main" id="{3E04D88F-F975-464C-9465-B43957C8DCF7}"/>
            </a:ext>
          </a:extLst>
        </xdr:cNvPr>
        <xdr:cNvSpPr txBox="1"/>
      </xdr:nvSpPr>
      <xdr:spPr>
        <a:xfrm>
          <a:off x="1611004" y="12733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5</xdr:row>
      <xdr:rowOff>124477</xdr:rowOff>
    </xdr:from>
    <xdr:ext cx="405111" cy="259045"/>
    <xdr:sp macro="" textlink="">
      <xdr:nvSpPr>
        <xdr:cNvPr id="321" name="n_4mainValue【公営住宅】&#10;有形固定資産減価償却率">
          <a:extLst>
            <a:ext uri="{FF2B5EF4-FFF2-40B4-BE49-F238E27FC236}">
              <a16:creationId xmlns:a16="http://schemas.microsoft.com/office/drawing/2014/main" id="{E5A77FC7-B1D5-4335-9F59-7461B0D35D6E}"/>
            </a:ext>
          </a:extLst>
        </xdr:cNvPr>
        <xdr:cNvSpPr txBox="1"/>
      </xdr:nvSpPr>
      <xdr:spPr>
        <a:xfrm>
          <a:off x="836304" y="1269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2B44C3FC-C28C-4DA6-A75D-F413D0D01343}"/>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84F8AF1E-5C8A-4B8C-A75C-F2F7130F3211}"/>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92F96075-EBF0-4B1E-8F40-EFE46DC375EA}"/>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116708E6-E1FB-4143-B985-8B301CFD489B}"/>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D45F5854-BD51-46F0-82E9-D2628E31D5D2}"/>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08BC5BD5-27B4-401F-A9B6-E04D823002F3}"/>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367F4BCE-8C78-41BB-9039-261C66222FA1}"/>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D551061A-624A-4041-924D-42ED7FD581B7}"/>
            </a:ext>
          </a:extLst>
        </xdr:cNvPr>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6C7B90AE-558E-4534-AC85-DFF8F0FAE99D}"/>
            </a:ext>
          </a:extLst>
        </xdr:cNvPr>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F4F429C1-F8A3-429C-BCE0-73AF051CC307}"/>
            </a:ext>
          </a:extLst>
        </xdr:cNvPr>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id="{685550C0-1A22-40AA-85EC-1C8A71A7CEAA}"/>
            </a:ext>
          </a:extLst>
        </xdr:cNvPr>
        <xdr:cNvCxnSpPr/>
      </xdr:nvCxnSpPr>
      <xdr:spPr>
        <a:xfrm>
          <a:off x="5826760" y="145313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a16="http://schemas.microsoft.com/office/drawing/2014/main" id="{31EA6711-8F89-438B-B64E-F2B21F657584}"/>
            </a:ext>
          </a:extLst>
        </xdr:cNvPr>
        <xdr:cNvSpPr txBox="1"/>
      </xdr:nvSpPr>
      <xdr:spPr>
        <a:xfrm>
          <a:off x="54053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id="{E5B07BD6-F676-4213-BC97-8DAB8102694F}"/>
            </a:ext>
          </a:extLst>
        </xdr:cNvPr>
        <xdr:cNvCxnSpPr/>
      </xdr:nvCxnSpPr>
      <xdr:spPr>
        <a:xfrm>
          <a:off x="5826760" y="141579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a16="http://schemas.microsoft.com/office/drawing/2014/main" id="{D9FEB35F-7CCB-428F-9866-3FBDBA038E22}"/>
            </a:ext>
          </a:extLst>
        </xdr:cNvPr>
        <xdr:cNvSpPr txBox="1"/>
      </xdr:nvSpPr>
      <xdr:spPr>
        <a:xfrm>
          <a:off x="540530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id="{4C97CEFA-5D3F-4FEA-B0DE-AE056079C222}"/>
            </a:ext>
          </a:extLst>
        </xdr:cNvPr>
        <xdr:cNvCxnSpPr/>
      </xdr:nvCxnSpPr>
      <xdr:spPr>
        <a:xfrm>
          <a:off x="5826760" y="137845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a16="http://schemas.microsoft.com/office/drawing/2014/main" id="{3E19C105-1724-4657-B24C-52B135D27F68}"/>
            </a:ext>
          </a:extLst>
        </xdr:cNvPr>
        <xdr:cNvSpPr txBox="1"/>
      </xdr:nvSpPr>
      <xdr:spPr>
        <a:xfrm>
          <a:off x="540530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id="{816A7C04-8D0B-4404-A18B-7662D089D4CC}"/>
            </a:ext>
          </a:extLst>
        </xdr:cNvPr>
        <xdr:cNvCxnSpPr/>
      </xdr:nvCxnSpPr>
      <xdr:spPr>
        <a:xfrm>
          <a:off x="5826760" y="13411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a16="http://schemas.microsoft.com/office/drawing/2014/main" id="{3FEB341E-D8A7-4484-B316-59EB57B267F8}"/>
            </a:ext>
          </a:extLst>
        </xdr:cNvPr>
        <xdr:cNvSpPr txBox="1"/>
      </xdr:nvSpPr>
      <xdr:spPr>
        <a:xfrm>
          <a:off x="540530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id="{1864C8D2-0E72-4062-A4EA-157A46026B01}"/>
            </a:ext>
          </a:extLst>
        </xdr:cNvPr>
        <xdr:cNvCxnSpPr/>
      </xdr:nvCxnSpPr>
      <xdr:spPr>
        <a:xfrm>
          <a:off x="5826760" y="130416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a16="http://schemas.microsoft.com/office/drawing/2014/main" id="{CED4B29E-35CA-437B-A661-0FE4EC14B27D}"/>
            </a:ext>
          </a:extLst>
        </xdr:cNvPr>
        <xdr:cNvSpPr txBox="1"/>
      </xdr:nvSpPr>
      <xdr:spPr>
        <a:xfrm>
          <a:off x="540530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12028EA7-7478-4AD9-9465-84867A011690}"/>
            </a:ext>
          </a:extLst>
        </xdr:cNvPr>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3" name="テキスト ボックス 342">
          <a:extLst>
            <a:ext uri="{FF2B5EF4-FFF2-40B4-BE49-F238E27FC236}">
              <a16:creationId xmlns:a16="http://schemas.microsoft.com/office/drawing/2014/main" id="{E0430DE4-BB96-4330-A84E-E110AD9C1400}"/>
            </a:ext>
          </a:extLst>
        </xdr:cNvPr>
        <xdr:cNvSpPr txBox="1"/>
      </xdr:nvSpPr>
      <xdr:spPr>
        <a:xfrm>
          <a:off x="5364041" y="125298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公営住宅】&#10;一人当たり面積グラフ枠">
          <a:extLst>
            <a:ext uri="{FF2B5EF4-FFF2-40B4-BE49-F238E27FC236}">
              <a16:creationId xmlns:a16="http://schemas.microsoft.com/office/drawing/2014/main" id="{59DC37A9-15CA-4510-9FE0-D4F899DFB9B0}"/>
            </a:ext>
          </a:extLst>
        </xdr:cNvPr>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13728</xdr:rowOff>
    </xdr:from>
    <xdr:to>
      <xdr:col>54</xdr:col>
      <xdr:colOff>189865</xdr:colOff>
      <xdr:row>86</xdr:row>
      <xdr:rowOff>111443</xdr:rowOff>
    </xdr:to>
    <xdr:cxnSp macro="">
      <xdr:nvCxnSpPr>
        <xdr:cNvPr id="345" name="直線コネクタ 344">
          <a:extLst>
            <a:ext uri="{FF2B5EF4-FFF2-40B4-BE49-F238E27FC236}">
              <a16:creationId xmlns:a16="http://schemas.microsoft.com/office/drawing/2014/main" id="{5D0BE30D-B854-4225-ACA4-528F2604342C}"/>
            </a:ext>
          </a:extLst>
        </xdr:cNvPr>
        <xdr:cNvCxnSpPr/>
      </xdr:nvCxnSpPr>
      <xdr:spPr>
        <a:xfrm flipV="1">
          <a:off x="9219565" y="13189648"/>
          <a:ext cx="0" cy="1338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270</xdr:rowOff>
    </xdr:from>
    <xdr:ext cx="469744" cy="259045"/>
    <xdr:sp macro="" textlink="">
      <xdr:nvSpPr>
        <xdr:cNvPr id="346" name="【公営住宅】&#10;一人当たり面積最小値テキスト">
          <a:extLst>
            <a:ext uri="{FF2B5EF4-FFF2-40B4-BE49-F238E27FC236}">
              <a16:creationId xmlns:a16="http://schemas.microsoft.com/office/drawing/2014/main" id="{6DF0B2C1-5DF8-47FE-B63F-591D605F2BD2}"/>
            </a:ext>
          </a:extLst>
        </xdr:cNvPr>
        <xdr:cNvSpPr txBox="1"/>
      </xdr:nvSpPr>
      <xdr:spPr>
        <a:xfrm>
          <a:off x="9258300" y="14532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443</xdr:rowOff>
    </xdr:from>
    <xdr:to>
      <xdr:col>55</xdr:col>
      <xdr:colOff>88900</xdr:colOff>
      <xdr:row>86</xdr:row>
      <xdr:rowOff>111443</xdr:rowOff>
    </xdr:to>
    <xdr:cxnSp macro="">
      <xdr:nvCxnSpPr>
        <xdr:cNvPr id="347" name="直線コネクタ 346">
          <a:extLst>
            <a:ext uri="{FF2B5EF4-FFF2-40B4-BE49-F238E27FC236}">
              <a16:creationId xmlns:a16="http://schemas.microsoft.com/office/drawing/2014/main" id="{E7A6B6D6-BB6E-434B-B537-D2230F65B108}"/>
            </a:ext>
          </a:extLst>
        </xdr:cNvPr>
        <xdr:cNvCxnSpPr/>
      </xdr:nvCxnSpPr>
      <xdr:spPr>
        <a:xfrm>
          <a:off x="9154160" y="1452848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0405</xdr:rowOff>
    </xdr:from>
    <xdr:ext cx="469744" cy="259045"/>
    <xdr:sp macro="" textlink="">
      <xdr:nvSpPr>
        <xdr:cNvPr id="348" name="【公営住宅】&#10;一人当たり面積最大値テキスト">
          <a:extLst>
            <a:ext uri="{FF2B5EF4-FFF2-40B4-BE49-F238E27FC236}">
              <a16:creationId xmlns:a16="http://schemas.microsoft.com/office/drawing/2014/main" id="{27686BE5-9823-46CD-90D6-B04B0D09D098}"/>
            </a:ext>
          </a:extLst>
        </xdr:cNvPr>
        <xdr:cNvSpPr txBox="1"/>
      </xdr:nvSpPr>
      <xdr:spPr>
        <a:xfrm>
          <a:off x="9258300" y="12968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3728</xdr:rowOff>
    </xdr:from>
    <xdr:to>
      <xdr:col>55</xdr:col>
      <xdr:colOff>88900</xdr:colOff>
      <xdr:row>78</xdr:row>
      <xdr:rowOff>113728</xdr:rowOff>
    </xdr:to>
    <xdr:cxnSp macro="">
      <xdr:nvCxnSpPr>
        <xdr:cNvPr id="349" name="直線コネクタ 348">
          <a:extLst>
            <a:ext uri="{FF2B5EF4-FFF2-40B4-BE49-F238E27FC236}">
              <a16:creationId xmlns:a16="http://schemas.microsoft.com/office/drawing/2014/main" id="{FB2195F3-92DE-49C7-A7D6-4055814A3F29}"/>
            </a:ext>
          </a:extLst>
        </xdr:cNvPr>
        <xdr:cNvCxnSpPr/>
      </xdr:nvCxnSpPr>
      <xdr:spPr>
        <a:xfrm>
          <a:off x="9154160" y="131896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7721</xdr:rowOff>
    </xdr:from>
    <xdr:ext cx="469744" cy="259045"/>
    <xdr:sp macro="" textlink="">
      <xdr:nvSpPr>
        <xdr:cNvPr id="350" name="【公営住宅】&#10;一人当たり面積平均値テキスト">
          <a:extLst>
            <a:ext uri="{FF2B5EF4-FFF2-40B4-BE49-F238E27FC236}">
              <a16:creationId xmlns:a16="http://schemas.microsoft.com/office/drawing/2014/main" id="{9C11AC02-AEC9-4A62-95B1-A111ACB2A360}"/>
            </a:ext>
          </a:extLst>
        </xdr:cNvPr>
        <xdr:cNvSpPr txBox="1"/>
      </xdr:nvSpPr>
      <xdr:spPr>
        <a:xfrm>
          <a:off x="9258300" y="140818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4844</xdr:rowOff>
    </xdr:from>
    <xdr:to>
      <xdr:col>55</xdr:col>
      <xdr:colOff>50800</xdr:colOff>
      <xdr:row>85</xdr:row>
      <xdr:rowOff>74994</xdr:rowOff>
    </xdr:to>
    <xdr:sp macro="" textlink="">
      <xdr:nvSpPr>
        <xdr:cNvPr id="351" name="フローチャート: 判断 350">
          <a:extLst>
            <a:ext uri="{FF2B5EF4-FFF2-40B4-BE49-F238E27FC236}">
              <a16:creationId xmlns:a16="http://schemas.microsoft.com/office/drawing/2014/main" id="{D444A4E8-BE79-4E96-A9F4-DAD84913892A}"/>
            </a:ext>
          </a:extLst>
        </xdr:cNvPr>
        <xdr:cNvSpPr/>
      </xdr:nvSpPr>
      <xdr:spPr>
        <a:xfrm>
          <a:off x="9192260" y="1422660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40843</xdr:rowOff>
    </xdr:from>
    <xdr:to>
      <xdr:col>50</xdr:col>
      <xdr:colOff>165100</xdr:colOff>
      <xdr:row>85</xdr:row>
      <xdr:rowOff>70993</xdr:rowOff>
    </xdr:to>
    <xdr:sp macro="" textlink="">
      <xdr:nvSpPr>
        <xdr:cNvPr id="352" name="フローチャート: 判断 351">
          <a:extLst>
            <a:ext uri="{FF2B5EF4-FFF2-40B4-BE49-F238E27FC236}">
              <a16:creationId xmlns:a16="http://schemas.microsoft.com/office/drawing/2014/main" id="{5DF46A71-1516-4AD3-BE12-495245D2D810}"/>
            </a:ext>
          </a:extLst>
        </xdr:cNvPr>
        <xdr:cNvSpPr/>
      </xdr:nvSpPr>
      <xdr:spPr>
        <a:xfrm>
          <a:off x="8445500" y="1422260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2462</xdr:rowOff>
    </xdr:from>
    <xdr:to>
      <xdr:col>46</xdr:col>
      <xdr:colOff>38100</xdr:colOff>
      <xdr:row>85</xdr:row>
      <xdr:rowOff>62612</xdr:rowOff>
    </xdr:to>
    <xdr:sp macro="" textlink="">
      <xdr:nvSpPr>
        <xdr:cNvPr id="353" name="フローチャート: 判断 352">
          <a:extLst>
            <a:ext uri="{FF2B5EF4-FFF2-40B4-BE49-F238E27FC236}">
              <a16:creationId xmlns:a16="http://schemas.microsoft.com/office/drawing/2014/main" id="{30762ABF-B9EE-4D61-B877-C90EE47CFE0B}"/>
            </a:ext>
          </a:extLst>
        </xdr:cNvPr>
        <xdr:cNvSpPr/>
      </xdr:nvSpPr>
      <xdr:spPr>
        <a:xfrm>
          <a:off x="7670800" y="1421422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25413</xdr:rowOff>
    </xdr:from>
    <xdr:to>
      <xdr:col>41</xdr:col>
      <xdr:colOff>101600</xdr:colOff>
      <xdr:row>85</xdr:row>
      <xdr:rowOff>55563</xdr:rowOff>
    </xdr:to>
    <xdr:sp macro="" textlink="">
      <xdr:nvSpPr>
        <xdr:cNvPr id="354" name="フローチャート: 判断 353">
          <a:extLst>
            <a:ext uri="{FF2B5EF4-FFF2-40B4-BE49-F238E27FC236}">
              <a16:creationId xmlns:a16="http://schemas.microsoft.com/office/drawing/2014/main" id="{2E74A6EF-B573-4714-802E-51195DF61DB1}"/>
            </a:ext>
          </a:extLst>
        </xdr:cNvPr>
        <xdr:cNvSpPr/>
      </xdr:nvSpPr>
      <xdr:spPr>
        <a:xfrm>
          <a:off x="6873240" y="1420717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37224</xdr:rowOff>
    </xdr:from>
    <xdr:to>
      <xdr:col>36</xdr:col>
      <xdr:colOff>165100</xdr:colOff>
      <xdr:row>85</xdr:row>
      <xdr:rowOff>67374</xdr:rowOff>
    </xdr:to>
    <xdr:sp macro="" textlink="">
      <xdr:nvSpPr>
        <xdr:cNvPr id="355" name="フローチャート: 判断 354">
          <a:extLst>
            <a:ext uri="{FF2B5EF4-FFF2-40B4-BE49-F238E27FC236}">
              <a16:creationId xmlns:a16="http://schemas.microsoft.com/office/drawing/2014/main" id="{97327D90-0AA5-4665-8C68-75240D8B9027}"/>
            </a:ext>
          </a:extLst>
        </xdr:cNvPr>
        <xdr:cNvSpPr/>
      </xdr:nvSpPr>
      <xdr:spPr>
        <a:xfrm>
          <a:off x="6098540" y="1421898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018ACC76-5A70-4F62-B0F6-CA48557E990D}"/>
            </a:ext>
          </a:extLst>
        </xdr:cNvPr>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40162BAD-C332-4EEC-8040-C84CA7DAB97A}"/>
            </a:ext>
          </a:extLst>
        </xdr:cNvPr>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5926491C-70FC-40DF-BA51-947DE35013E6}"/>
            </a:ext>
          </a:extLst>
        </xdr:cNvPr>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5C7A68AC-6CAE-4FDC-A920-587236423ADC}"/>
            </a:ext>
          </a:extLst>
        </xdr:cNvPr>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553D8DDD-76BB-4DA8-A123-CEB5C327D317}"/>
            </a:ext>
          </a:extLst>
        </xdr:cNvPr>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2654</xdr:rowOff>
    </xdr:from>
    <xdr:to>
      <xdr:col>55</xdr:col>
      <xdr:colOff>50800</xdr:colOff>
      <xdr:row>86</xdr:row>
      <xdr:rowOff>82804</xdr:rowOff>
    </xdr:to>
    <xdr:sp macro="" textlink="">
      <xdr:nvSpPr>
        <xdr:cNvPr id="361" name="楕円 360">
          <a:extLst>
            <a:ext uri="{FF2B5EF4-FFF2-40B4-BE49-F238E27FC236}">
              <a16:creationId xmlns:a16="http://schemas.microsoft.com/office/drawing/2014/main" id="{45E8A71C-8C13-40D9-BB88-9D8FD6AEADB7}"/>
            </a:ext>
          </a:extLst>
        </xdr:cNvPr>
        <xdr:cNvSpPr/>
      </xdr:nvSpPr>
      <xdr:spPr>
        <a:xfrm>
          <a:off x="9192260" y="1440205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7581</xdr:rowOff>
    </xdr:from>
    <xdr:ext cx="469744" cy="259045"/>
    <xdr:sp macro="" textlink="">
      <xdr:nvSpPr>
        <xdr:cNvPr id="362" name="【公営住宅】&#10;一人当たり面積該当値テキスト">
          <a:extLst>
            <a:ext uri="{FF2B5EF4-FFF2-40B4-BE49-F238E27FC236}">
              <a16:creationId xmlns:a16="http://schemas.microsoft.com/office/drawing/2014/main" id="{E9637A31-A707-4443-B9BF-B2F10AFF610D}"/>
            </a:ext>
          </a:extLst>
        </xdr:cNvPr>
        <xdr:cNvSpPr txBox="1"/>
      </xdr:nvSpPr>
      <xdr:spPr>
        <a:xfrm>
          <a:off x="9258300" y="14316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6274</xdr:rowOff>
    </xdr:from>
    <xdr:to>
      <xdr:col>50</xdr:col>
      <xdr:colOff>165100</xdr:colOff>
      <xdr:row>86</xdr:row>
      <xdr:rowOff>86424</xdr:rowOff>
    </xdr:to>
    <xdr:sp macro="" textlink="">
      <xdr:nvSpPr>
        <xdr:cNvPr id="363" name="楕円 362">
          <a:extLst>
            <a:ext uri="{FF2B5EF4-FFF2-40B4-BE49-F238E27FC236}">
              <a16:creationId xmlns:a16="http://schemas.microsoft.com/office/drawing/2014/main" id="{A9275D22-6D1E-47D0-871E-7E2295A53750}"/>
            </a:ext>
          </a:extLst>
        </xdr:cNvPr>
        <xdr:cNvSpPr/>
      </xdr:nvSpPr>
      <xdr:spPr>
        <a:xfrm>
          <a:off x="8445500" y="144056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2004</xdr:rowOff>
    </xdr:from>
    <xdr:to>
      <xdr:col>55</xdr:col>
      <xdr:colOff>0</xdr:colOff>
      <xdr:row>86</xdr:row>
      <xdr:rowOff>35624</xdr:rowOff>
    </xdr:to>
    <xdr:cxnSp macro="">
      <xdr:nvCxnSpPr>
        <xdr:cNvPr id="364" name="直線コネクタ 363">
          <a:extLst>
            <a:ext uri="{FF2B5EF4-FFF2-40B4-BE49-F238E27FC236}">
              <a16:creationId xmlns:a16="http://schemas.microsoft.com/office/drawing/2014/main" id="{2AB37ACE-0F98-4104-A5F7-85BB4AA962D5}"/>
            </a:ext>
          </a:extLst>
        </xdr:cNvPr>
        <xdr:cNvCxnSpPr/>
      </xdr:nvCxnSpPr>
      <xdr:spPr>
        <a:xfrm flipV="1">
          <a:off x="8496300" y="14449044"/>
          <a:ext cx="723900" cy="3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5893</xdr:rowOff>
    </xdr:from>
    <xdr:to>
      <xdr:col>46</xdr:col>
      <xdr:colOff>38100</xdr:colOff>
      <xdr:row>86</xdr:row>
      <xdr:rowOff>86043</xdr:rowOff>
    </xdr:to>
    <xdr:sp macro="" textlink="">
      <xdr:nvSpPr>
        <xdr:cNvPr id="365" name="楕円 364">
          <a:extLst>
            <a:ext uri="{FF2B5EF4-FFF2-40B4-BE49-F238E27FC236}">
              <a16:creationId xmlns:a16="http://schemas.microsoft.com/office/drawing/2014/main" id="{FDBBAC7E-2B22-4321-9BFB-8EA47AAE3722}"/>
            </a:ext>
          </a:extLst>
        </xdr:cNvPr>
        <xdr:cNvSpPr/>
      </xdr:nvSpPr>
      <xdr:spPr>
        <a:xfrm>
          <a:off x="7670800" y="1440529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5243</xdr:rowOff>
    </xdr:from>
    <xdr:to>
      <xdr:col>50</xdr:col>
      <xdr:colOff>114300</xdr:colOff>
      <xdr:row>86</xdr:row>
      <xdr:rowOff>35624</xdr:rowOff>
    </xdr:to>
    <xdr:cxnSp macro="">
      <xdr:nvCxnSpPr>
        <xdr:cNvPr id="366" name="直線コネクタ 365">
          <a:extLst>
            <a:ext uri="{FF2B5EF4-FFF2-40B4-BE49-F238E27FC236}">
              <a16:creationId xmlns:a16="http://schemas.microsoft.com/office/drawing/2014/main" id="{7FCB7F18-82DD-4ADC-B00C-14946060F91D}"/>
            </a:ext>
          </a:extLst>
        </xdr:cNvPr>
        <xdr:cNvCxnSpPr/>
      </xdr:nvCxnSpPr>
      <xdr:spPr>
        <a:xfrm>
          <a:off x="7713980" y="14452283"/>
          <a:ext cx="78232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55893</xdr:rowOff>
    </xdr:from>
    <xdr:to>
      <xdr:col>41</xdr:col>
      <xdr:colOff>101600</xdr:colOff>
      <xdr:row>86</xdr:row>
      <xdr:rowOff>86043</xdr:rowOff>
    </xdr:to>
    <xdr:sp macro="" textlink="">
      <xdr:nvSpPr>
        <xdr:cNvPr id="367" name="楕円 366">
          <a:extLst>
            <a:ext uri="{FF2B5EF4-FFF2-40B4-BE49-F238E27FC236}">
              <a16:creationId xmlns:a16="http://schemas.microsoft.com/office/drawing/2014/main" id="{D62F3D74-A48E-4CFB-B28A-EE6DAC32E4B9}"/>
            </a:ext>
          </a:extLst>
        </xdr:cNvPr>
        <xdr:cNvSpPr/>
      </xdr:nvSpPr>
      <xdr:spPr>
        <a:xfrm>
          <a:off x="6873240" y="1440529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5243</xdr:rowOff>
    </xdr:from>
    <xdr:to>
      <xdr:col>45</xdr:col>
      <xdr:colOff>177800</xdr:colOff>
      <xdr:row>86</xdr:row>
      <xdr:rowOff>35243</xdr:rowOff>
    </xdr:to>
    <xdr:cxnSp macro="">
      <xdr:nvCxnSpPr>
        <xdr:cNvPr id="368" name="直線コネクタ 367">
          <a:extLst>
            <a:ext uri="{FF2B5EF4-FFF2-40B4-BE49-F238E27FC236}">
              <a16:creationId xmlns:a16="http://schemas.microsoft.com/office/drawing/2014/main" id="{955C17A8-1D8D-481A-8C60-A89DAE2320ED}"/>
            </a:ext>
          </a:extLst>
        </xdr:cNvPr>
        <xdr:cNvCxnSpPr/>
      </xdr:nvCxnSpPr>
      <xdr:spPr>
        <a:xfrm>
          <a:off x="6924040" y="14452283"/>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55702</xdr:rowOff>
    </xdr:from>
    <xdr:to>
      <xdr:col>36</xdr:col>
      <xdr:colOff>165100</xdr:colOff>
      <xdr:row>86</xdr:row>
      <xdr:rowOff>85852</xdr:rowOff>
    </xdr:to>
    <xdr:sp macro="" textlink="">
      <xdr:nvSpPr>
        <xdr:cNvPr id="369" name="楕円 368">
          <a:extLst>
            <a:ext uri="{FF2B5EF4-FFF2-40B4-BE49-F238E27FC236}">
              <a16:creationId xmlns:a16="http://schemas.microsoft.com/office/drawing/2014/main" id="{CF5A5186-5AE3-4EDA-AC9B-547C7632A0A7}"/>
            </a:ext>
          </a:extLst>
        </xdr:cNvPr>
        <xdr:cNvSpPr/>
      </xdr:nvSpPr>
      <xdr:spPr>
        <a:xfrm>
          <a:off x="6098540" y="144051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35052</xdr:rowOff>
    </xdr:from>
    <xdr:to>
      <xdr:col>41</xdr:col>
      <xdr:colOff>50800</xdr:colOff>
      <xdr:row>86</xdr:row>
      <xdr:rowOff>35243</xdr:rowOff>
    </xdr:to>
    <xdr:cxnSp macro="">
      <xdr:nvCxnSpPr>
        <xdr:cNvPr id="370" name="直線コネクタ 369">
          <a:extLst>
            <a:ext uri="{FF2B5EF4-FFF2-40B4-BE49-F238E27FC236}">
              <a16:creationId xmlns:a16="http://schemas.microsoft.com/office/drawing/2014/main" id="{EE8FB758-567A-45EF-A52D-47ACB58AEAB5}"/>
            </a:ext>
          </a:extLst>
        </xdr:cNvPr>
        <xdr:cNvCxnSpPr/>
      </xdr:nvCxnSpPr>
      <xdr:spPr>
        <a:xfrm>
          <a:off x="6149340" y="14452092"/>
          <a:ext cx="7747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87520</xdr:rowOff>
    </xdr:from>
    <xdr:ext cx="469744" cy="259045"/>
    <xdr:sp macro="" textlink="">
      <xdr:nvSpPr>
        <xdr:cNvPr id="371" name="n_1aveValue【公営住宅】&#10;一人当たり面積">
          <a:extLst>
            <a:ext uri="{FF2B5EF4-FFF2-40B4-BE49-F238E27FC236}">
              <a16:creationId xmlns:a16="http://schemas.microsoft.com/office/drawing/2014/main" id="{09895B11-C97A-4DDA-BFDC-3705360F4FCD}"/>
            </a:ext>
          </a:extLst>
        </xdr:cNvPr>
        <xdr:cNvSpPr txBox="1"/>
      </xdr:nvSpPr>
      <xdr:spPr>
        <a:xfrm>
          <a:off x="8271587" y="14001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79139</xdr:rowOff>
    </xdr:from>
    <xdr:ext cx="469744" cy="259045"/>
    <xdr:sp macro="" textlink="">
      <xdr:nvSpPr>
        <xdr:cNvPr id="372" name="n_2aveValue【公営住宅】&#10;一人当たり面積">
          <a:extLst>
            <a:ext uri="{FF2B5EF4-FFF2-40B4-BE49-F238E27FC236}">
              <a16:creationId xmlns:a16="http://schemas.microsoft.com/office/drawing/2014/main" id="{00DED1CB-B81D-4E63-98E8-7B740ADE82D5}"/>
            </a:ext>
          </a:extLst>
        </xdr:cNvPr>
        <xdr:cNvSpPr txBox="1"/>
      </xdr:nvSpPr>
      <xdr:spPr>
        <a:xfrm>
          <a:off x="7509587" y="13993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72090</xdr:rowOff>
    </xdr:from>
    <xdr:ext cx="469744" cy="259045"/>
    <xdr:sp macro="" textlink="">
      <xdr:nvSpPr>
        <xdr:cNvPr id="373" name="n_3aveValue【公営住宅】&#10;一人当たり面積">
          <a:extLst>
            <a:ext uri="{FF2B5EF4-FFF2-40B4-BE49-F238E27FC236}">
              <a16:creationId xmlns:a16="http://schemas.microsoft.com/office/drawing/2014/main" id="{A944750D-A835-4214-8B40-36171A792F99}"/>
            </a:ext>
          </a:extLst>
        </xdr:cNvPr>
        <xdr:cNvSpPr txBox="1"/>
      </xdr:nvSpPr>
      <xdr:spPr>
        <a:xfrm>
          <a:off x="6712027" y="13986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83901</xdr:rowOff>
    </xdr:from>
    <xdr:ext cx="469744" cy="259045"/>
    <xdr:sp macro="" textlink="">
      <xdr:nvSpPr>
        <xdr:cNvPr id="374" name="n_4aveValue【公営住宅】&#10;一人当たり面積">
          <a:extLst>
            <a:ext uri="{FF2B5EF4-FFF2-40B4-BE49-F238E27FC236}">
              <a16:creationId xmlns:a16="http://schemas.microsoft.com/office/drawing/2014/main" id="{4F92186B-F625-45C9-AA90-6E632F56FBB4}"/>
            </a:ext>
          </a:extLst>
        </xdr:cNvPr>
        <xdr:cNvSpPr txBox="1"/>
      </xdr:nvSpPr>
      <xdr:spPr>
        <a:xfrm>
          <a:off x="5937327" y="13998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7551</xdr:rowOff>
    </xdr:from>
    <xdr:ext cx="469744" cy="259045"/>
    <xdr:sp macro="" textlink="">
      <xdr:nvSpPr>
        <xdr:cNvPr id="375" name="n_1mainValue【公営住宅】&#10;一人当たり面積">
          <a:extLst>
            <a:ext uri="{FF2B5EF4-FFF2-40B4-BE49-F238E27FC236}">
              <a16:creationId xmlns:a16="http://schemas.microsoft.com/office/drawing/2014/main" id="{97EDCECD-BF05-40C8-A691-8CA09189618C}"/>
            </a:ext>
          </a:extLst>
        </xdr:cNvPr>
        <xdr:cNvSpPr txBox="1"/>
      </xdr:nvSpPr>
      <xdr:spPr>
        <a:xfrm>
          <a:off x="8271587" y="14494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7170</xdr:rowOff>
    </xdr:from>
    <xdr:ext cx="469744" cy="259045"/>
    <xdr:sp macro="" textlink="">
      <xdr:nvSpPr>
        <xdr:cNvPr id="376" name="n_2mainValue【公営住宅】&#10;一人当たり面積">
          <a:extLst>
            <a:ext uri="{FF2B5EF4-FFF2-40B4-BE49-F238E27FC236}">
              <a16:creationId xmlns:a16="http://schemas.microsoft.com/office/drawing/2014/main" id="{357B2782-F3DD-40F9-8B89-7016AB82AE68}"/>
            </a:ext>
          </a:extLst>
        </xdr:cNvPr>
        <xdr:cNvSpPr txBox="1"/>
      </xdr:nvSpPr>
      <xdr:spPr>
        <a:xfrm>
          <a:off x="7509587" y="14494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77170</xdr:rowOff>
    </xdr:from>
    <xdr:ext cx="469744" cy="259045"/>
    <xdr:sp macro="" textlink="">
      <xdr:nvSpPr>
        <xdr:cNvPr id="377" name="n_3mainValue【公営住宅】&#10;一人当たり面積">
          <a:extLst>
            <a:ext uri="{FF2B5EF4-FFF2-40B4-BE49-F238E27FC236}">
              <a16:creationId xmlns:a16="http://schemas.microsoft.com/office/drawing/2014/main" id="{4ECEE371-20E0-4F4B-BE90-38D8B2E3DDBA}"/>
            </a:ext>
          </a:extLst>
        </xdr:cNvPr>
        <xdr:cNvSpPr txBox="1"/>
      </xdr:nvSpPr>
      <xdr:spPr>
        <a:xfrm>
          <a:off x="6712027" y="14494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76979</xdr:rowOff>
    </xdr:from>
    <xdr:ext cx="469744" cy="259045"/>
    <xdr:sp macro="" textlink="">
      <xdr:nvSpPr>
        <xdr:cNvPr id="378" name="n_4mainValue【公営住宅】&#10;一人当たり面積">
          <a:extLst>
            <a:ext uri="{FF2B5EF4-FFF2-40B4-BE49-F238E27FC236}">
              <a16:creationId xmlns:a16="http://schemas.microsoft.com/office/drawing/2014/main" id="{85999A77-AEE8-4B18-9BE7-B7EBC2234A7C}"/>
            </a:ext>
          </a:extLst>
        </xdr:cNvPr>
        <xdr:cNvSpPr txBox="1"/>
      </xdr:nvSpPr>
      <xdr:spPr>
        <a:xfrm>
          <a:off x="5937327" y="14494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B868C146-FEB7-4400-AACA-3A7C37C3EA43}"/>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D1432DD0-A325-412C-82DC-22C067D01F95}"/>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B083CCE7-E40D-419D-A9B7-9BA597B42C38}"/>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4391835B-173F-4451-AB4E-88DAAA85DADF}"/>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08F38739-0221-4C20-8416-3D85D05A7388}"/>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AF79FC7D-340E-4A94-B20A-BCCBC45BC18E}"/>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94235416-1470-479C-8C46-CACA50FEC57B}"/>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3F5F5253-3F59-4850-8774-38DC14630502}"/>
            </a:ext>
          </a:extLst>
        </xdr:cNvPr>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7" name="正方形/長方形 386">
          <a:extLst>
            <a:ext uri="{FF2B5EF4-FFF2-40B4-BE49-F238E27FC236}">
              <a16:creationId xmlns:a16="http://schemas.microsoft.com/office/drawing/2014/main" id="{A96EE6D7-87B1-4224-9EB1-0FE7647E6B7D}"/>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8" name="正方形/長方形 387">
          <a:extLst>
            <a:ext uri="{FF2B5EF4-FFF2-40B4-BE49-F238E27FC236}">
              <a16:creationId xmlns:a16="http://schemas.microsoft.com/office/drawing/2014/main" id="{BD0F693C-5F47-44A1-B4D7-1C1F19B4B048}"/>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9" name="正方形/長方形 388">
          <a:extLst>
            <a:ext uri="{FF2B5EF4-FFF2-40B4-BE49-F238E27FC236}">
              <a16:creationId xmlns:a16="http://schemas.microsoft.com/office/drawing/2014/main" id="{A51FFCBB-617F-415E-BDC5-722D15A4F0FB}"/>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0" name="正方形/長方形 389">
          <a:extLst>
            <a:ext uri="{FF2B5EF4-FFF2-40B4-BE49-F238E27FC236}">
              <a16:creationId xmlns:a16="http://schemas.microsoft.com/office/drawing/2014/main" id="{C3D7FF5B-8BC8-4B82-8A45-5204CA5E96DE}"/>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1" name="正方形/長方形 390">
          <a:extLst>
            <a:ext uri="{FF2B5EF4-FFF2-40B4-BE49-F238E27FC236}">
              <a16:creationId xmlns:a16="http://schemas.microsoft.com/office/drawing/2014/main" id="{8F3D8D3C-0030-4DF1-84F1-953DF877EE1A}"/>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2" name="正方形/長方形 391">
          <a:extLst>
            <a:ext uri="{FF2B5EF4-FFF2-40B4-BE49-F238E27FC236}">
              <a16:creationId xmlns:a16="http://schemas.microsoft.com/office/drawing/2014/main" id="{CE3040A2-D128-4ACE-921E-838134935E54}"/>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3" name="正方形/長方形 392">
          <a:extLst>
            <a:ext uri="{FF2B5EF4-FFF2-40B4-BE49-F238E27FC236}">
              <a16:creationId xmlns:a16="http://schemas.microsoft.com/office/drawing/2014/main" id="{CA86BE8C-DB3E-44CB-AB48-2B1A40B93640}"/>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4" name="正方形/長方形 393">
          <a:extLst>
            <a:ext uri="{FF2B5EF4-FFF2-40B4-BE49-F238E27FC236}">
              <a16:creationId xmlns:a16="http://schemas.microsoft.com/office/drawing/2014/main" id="{B500211B-0E55-47AE-AD19-BD72ECA7891A}"/>
            </a:ext>
          </a:extLst>
        </xdr:cNvPr>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a:extLst>
            <a:ext uri="{FF2B5EF4-FFF2-40B4-BE49-F238E27FC236}">
              <a16:creationId xmlns:a16="http://schemas.microsoft.com/office/drawing/2014/main" id="{67354FA6-A93C-4227-B780-AD5FC44B30E4}"/>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a:extLst>
            <a:ext uri="{FF2B5EF4-FFF2-40B4-BE49-F238E27FC236}">
              <a16:creationId xmlns:a16="http://schemas.microsoft.com/office/drawing/2014/main" id="{0F62DADE-F29A-4B67-BF3F-F4DB7C8E6CD0}"/>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a:extLst>
            <a:ext uri="{FF2B5EF4-FFF2-40B4-BE49-F238E27FC236}">
              <a16:creationId xmlns:a16="http://schemas.microsoft.com/office/drawing/2014/main" id="{58DFB966-CAE0-4288-8AEF-4F9DCCE55289}"/>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a:extLst>
            <a:ext uri="{FF2B5EF4-FFF2-40B4-BE49-F238E27FC236}">
              <a16:creationId xmlns:a16="http://schemas.microsoft.com/office/drawing/2014/main" id="{4AA1BE00-4A20-46CD-A83C-611841B01605}"/>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a:extLst>
            <a:ext uri="{FF2B5EF4-FFF2-40B4-BE49-F238E27FC236}">
              <a16:creationId xmlns:a16="http://schemas.microsoft.com/office/drawing/2014/main" id="{010EB6F4-0CAC-4709-95C2-75C574A83C20}"/>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a:extLst>
            <a:ext uri="{FF2B5EF4-FFF2-40B4-BE49-F238E27FC236}">
              <a16:creationId xmlns:a16="http://schemas.microsoft.com/office/drawing/2014/main" id="{FF147026-AD7D-4063-ACB2-3BC191E3411E}"/>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a:extLst>
            <a:ext uri="{FF2B5EF4-FFF2-40B4-BE49-F238E27FC236}">
              <a16:creationId xmlns:a16="http://schemas.microsoft.com/office/drawing/2014/main" id="{4D3BDF2E-FC9B-4894-8F92-A776A0A0DD3E}"/>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a:extLst>
            <a:ext uri="{FF2B5EF4-FFF2-40B4-BE49-F238E27FC236}">
              <a16:creationId xmlns:a16="http://schemas.microsoft.com/office/drawing/2014/main" id="{0D69ACFB-66DD-48B4-B80E-E1B8AA827B86}"/>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3" name="テキスト ボックス 402">
          <a:extLst>
            <a:ext uri="{FF2B5EF4-FFF2-40B4-BE49-F238E27FC236}">
              <a16:creationId xmlns:a16="http://schemas.microsoft.com/office/drawing/2014/main" id="{5FC7E747-E9DA-4DFB-900C-784FC0A091E8}"/>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a:extLst>
            <a:ext uri="{FF2B5EF4-FFF2-40B4-BE49-F238E27FC236}">
              <a16:creationId xmlns:a16="http://schemas.microsoft.com/office/drawing/2014/main" id="{6F9F9F9F-C902-4A99-AA91-78926F4AF90E}"/>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5" name="テキスト ボックス 404">
          <a:extLst>
            <a:ext uri="{FF2B5EF4-FFF2-40B4-BE49-F238E27FC236}">
              <a16:creationId xmlns:a16="http://schemas.microsoft.com/office/drawing/2014/main" id="{493AFCD3-09FF-4C4C-9659-E164DA972B17}"/>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6" name="直線コネクタ 405">
          <a:extLst>
            <a:ext uri="{FF2B5EF4-FFF2-40B4-BE49-F238E27FC236}">
              <a16:creationId xmlns:a16="http://schemas.microsoft.com/office/drawing/2014/main" id="{C00E97AB-2465-4CA9-A7DE-B22DFE67F098}"/>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7" name="テキスト ボックス 406">
          <a:extLst>
            <a:ext uri="{FF2B5EF4-FFF2-40B4-BE49-F238E27FC236}">
              <a16:creationId xmlns:a16="http://schemas.microsoft.com/office/drawing/2014/main" id="{27843EAE-57DA-433B-93DD-5080414E9286}"/>
            </a:ext>
          </a:extLst>
        </xdr:cNvPr>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8" name="直線コネクタ 407">
          <a:extLst>
            <a:ext uri="{FF2B5EF4-FFF2-40B4-BE49-F238E27FC236}">
              <a16:creationId xmlns:a16="http://schemas.microsoft.com/office/drawing/2014/main" id="{F5435071-D09D-4CA7-9193-001B1D6BC621}"/>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9" name="テキスト ボックス 408">
          <a:extLst>
            <a:ext uri="{FF2B5EF4-FFF2-40B4-BE49-F238E27FC236}">
              <a16:creationId xmlns:a16="http://schemas.microsoft.com/office/drawing/2014/main" id="{F538D35A-4789-4B85-95B1-22BAB43D4429}"/>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0" name="直線コネクタ 409">
          <a:extLst>
            <a:ext uri="{FF2B5EF4-FFF2-40B4-BE49-F238E27FC236}">
              <a16:creationId xmlns:a16="http://schemas.microsoft.com/office/drawing/2014/main" id="{A6D7AAFF-1521-4FAB-8B48-F110DC400AF3}"/>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1" name="テキスト ボックス 410">
          <a:extLst>
            <a:ext uri="{FF2B5EF4-FFF2-40B4-BE49-F238E27FC236}">
              <a16:creationId xmlns:a16="http://schemas.microsoft.com/office/drawing/2014/main" id="{5FF7C6F6-6780-45BB-82B5-3CDA6E254B60}"/>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2" name="直線コネクタ 411">
          <a:extLst>
            <a:ext uri="{FF2B5EF4-FFF2-40B4-BE49-F238E27FC236}">
              <a16:creationId xmlns:a16="http://schemas.microsoft.com/office/drawing/2014/main" id="{EFCACCE0-BFBB-4FEB-A2CB-3B54B7D5ED73}"/>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3" name="テキスト ボックス 412">
          <a:extLst>
            <a:ext uri="{FF2B5EF4-FFF2-40B4-BE49-F238E27FC236}">
              <a16:creationId xmlns:a16="http://schemas.microsoft.com/office/drawing/2014/main" id="{5D13C1A9-DAE3-461A-9EFC-9C0088C81415}"/>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4" name="直線コネクタ 413">
          <a:extLst>
            <a:ext uri="{FF2B5EF4-FFF2-40B4-BE49-F238E27FC236}">
              <a16:creationId xmlns:a16="http://schemas.microsoft.com/office/drawing/2014/main" id="{93D8F93D-E22A-4FF0-A48A-B24D97A6FA37}"/>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5" name="テキスト ボックス 414">
          <a:extLst>
            <a:ext uri="{FF2B5EF4-FFF2-40B4-BE49-F238E27FC236}">
              <a16:creationId xmlns:a16="http://schemas.microsoft.com/office/drawing/2014/main" id="{C3DD998D-0C1F-4999-AD93-149034DEA95E}"/>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6" name="直線コネクタ 415">
          <a:extLst>
            <a:ext uri="{FF2B5EF4-FFF2-40B4-BE49-F238E27FC236}">
              <a16:creationId xmlns:a16="http://schemas.microsoft.com/office/drawing/2014/main" id="{858E9676-AD23-4918-A229-1A79890A703D}"/>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7" name="テキスト ボックス 416">
          <a:extLst>
            <a:ext uri="{FF2B5EF4-FFF2-40B4-BE49-F238E27FC236}">
              <a16:creationId xmlns:a16="http://schemas.microsoft.com/office/drawing/2014/main" id="{FD408CE3-E559-469E-9117-98D9920B8DC2}"/>
            </a:ext>
          </a:extLst>
        </xdr:cNvPr>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a:extLst>
            <a:ext uri="{FF2B5EF4-FFF2-40B4-BE49-F238E27FC236}">
              <a16:creationId xmlns:a16="http://schemas.microsoft.com/office/drawing/2014/main" id="{189AC124-A1D3-4831-901F-B8C71D1CB84B}"/>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9" name="【認定こども園・幼稚園・保育所】&#10;有形固定資産減価償却率グラフ枠">
          <a:extLst>
            <a:ext uri="{FF2B5EF4-FFF2-40B4-BE49-F238E27FC236}">
              <a16:creationId xmlns:a16="http://schemas.microsoft.com/office/drawing/2014/main" id="{2C3E0DD2-4735-4940-A29E-80BBC9AC71A2}"/>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87630</xdr:rowOff>
    </xdr:from>
    <xdr:to>
      <xdr:col>85</xdr:col>
      <xdr:colOff>126364</xdr:colOff>
      <xdr:row>42</xdr:row>
      <xdr:rowOff>92528</xdr:rowOff>
    </xdr:to>
    <xdr:cxnSp macro="">
      <xdr:nvCxnSpPr>
        <xdr:cNvPr id="420" name="直線コネクタ 419">
          <a:extLst>
            <a:ext uri="{FF2B5EF4-FFF2-40B4-BE49-F238E27FC236}">
              <a16:creationId xmlns:a16="http://schemas.microsoft.com/office/drawing/2014/main" id="{217946C8-B64B-4F0F-9EBF-B521E0F0A99E}"/>
            </a:ext>
          </a:extLst>
        </xdr:cNvPr>
        <xdr:cNvCxnSpPr/>
      </xdr:nvCxnSpPr>
      <xdr:spPr>
        <a:xfrm flipV="1">
          <a:off x="14375764" y="5619750"/>
          <a:ext cx="0" cy="15136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1" name="【認定こども園・幼稚園・保育所】&#10;有形固定資産減価償却率最小値テキスト">
          <a:extLst>
            <a:ext uri="{FF2B5EF4-FFF2-40B4-BE49-F238E27FC236}">
              <a16:creationId xmlns:a16="http://schemas.microsoft.com/office/drawing/2014/main" id="{47CCA97B-0EA8-45B5-8CC3-99AB4EB27CA0}"/>
            </a:ext>
          </a:extLst>
        </xdr:cNvPr>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2" name="直線コネクタ 421">
          <a:extLst>
            <a:ext uri="{FF2B5EF4-FFF2-40B4-BE49-F238E27FC236}">
              <a16:creationId xmlns:a16="http://schemas.microsoft.com/office/drawing/2014/main" id="{7C093397-71FB-4BD0-917E-754161EF0678}"/>
            </a:ext>
          </a:extLst>
        </xdr:cNvPr>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4307</xdr:rowOff>
    </xdr:from>
    <xdr:ext cx="340478" cy="259045"/>
    <xdr:sp macro="" textlink="">
      <xdr:nvSpPr>
        <xdr:cNvPr id="423" name="【認定こども園・幼稚園・保育所】&#10;有形固定資産減価償却率最大値テキスト">
          <a:extLst>
            <a:ext uri="{FF2B5EF4-FFF2-40B4-BE49-F238E27FC236}">
              <a16:creationId xmlns:a16="http://schemas.microsoft.com/office/drawing/2014/main" id="{B9791887-B929-4BF9-9288-60F02200C1CE}"/>
            </a:ext>
          </a:extLst>
        </xdr:cNvPr>
        <xdr:cNvSpPr txBox="1"/>
      </xdr:nvSpPr>
      <xdr:spPr>
        <a:xfrm>
          <a:off x="14414500" y="539878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87630</xdr:rowOff>
    </xdr:from>
    <xdr:to>
      <xdr:col>86</xdr:col>
      <xdr:colOff>25400</xdr:colOff>
      <xdr:row>33</xdr:row>
      <xdr:rowOff>87630</xdr:rowOff>
    </xdr:to>
    <xdr:cxnSp macro="">
      <xdr:nvCxnSpPr>
        <xdr:cNvPr id="424" name="直線コネクタ 423">
          <a:extLst>
            <a:ext uri="{FF2B5EF4-FFF2-40B4-BE49-F238E27FC236}">
              <a16:creationId xmlns:a16="http://schemas.microsoft.com/office/drawing/2014/main" id="{F90967F4-356E-4A87-886F-3BCC9FE6EC28}"/>
            </a:ext>
          </a:extLst>
        </xdr:cNvPr>
        <xdr:cNvCxnSpPr/>
      </xdr:nvCxnSpPr>
      <xdr:spPr>
        <a:xfrm>
          <a:off x="14287500" y="56197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11958</xdr:rowOff>
    </xdr:from>
    <xdr:ext cx="405111" cy="259045"/>
    <xdr:sp macro="" textlink="">
      <xdr:nvSpPr>
        <xdr:cNvPr id="425" name="【認定こども園・幼稚園・保育所】&#10;有形固定資産減価償却率平均値テキスト">
          <a:extLst>
            <a:ext uri="{FF2B5EF4-FFF2-40B4-BE49-F238E27FC236}">
              <a16:creationId xmlns:a16="http://schemas.microsoft.com/office/drawing/2014/main" id="{BD9F0F8E-755B-44F8-A745-3435C0FD13AA}"/>
            </a:ext>
          </a:extLst>
        </xdr:cNvPr>
        <xdr:cNvSpPr txBox="1"/>
      </xdr:nvSpPr>
      <xdr:spPr>
        <a:xfrm>
          <a:off x="14414500" y="63146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9081</xdr:rowOff>
    </xdr:from>
    <xdr:to>
      <xdr:col>85</xdr:col>
      <xdr:colOff>177800</xdr:colOff>
      <xdr:row>39</xdr:row>
      <xdr:rowOff>19231</xdr:rowOff>
    </xdr:to>
    <xdr:sp macro="" textlink="">
      <xdr:nvSpPr>
        <xdr:cNvPr id="426" name="フローチャート: 判断 425">
          <a:extLst>
            <a:ext uri="{FF2B5EF4-FFF2-40B4-BE49-F238E27FC236}">
              <a16:creationId xmlns:a16="http://schemas.microsoft.com/office/drawing/2014/main" id="{C95BE27F-7F48-427E-980F-F956FB958962}"/>
            </a:ext>
          </a:extLst>
        </xdr:cNvPr>
        <xdr:cNvSpPr/>
      </xdr:nvSpPr>
      <xdr:spPr>
        <a:xfrm>
          <a:off x="14325600" y="6459401"/>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7043</xdr:rowOff>
    </xdr:from>
    <xdr:to>
      <xdr:col>81</xdr:col>
      <xdr:colOff>101600</xdr:colOff>
      <xdr:row>39</xdr:row>
      <xdr:rowOff>37193</xdr:rowOff>
    </xdr:to>
    <xdr:sp macro="" textlink="">
      <xdr:nvSpPr>
        <xdr:cNvPr id="427" name="フローチャート: 判断 426">
          <a:extLst>
            <a:ext uri="{FF2B5EF4-FFF2-40B4-BE49-F238E27FC236}">
              <a16:creationId xmlns:a16="http://schemas.microsoft.com/office/drawing/2014/main" id="{1AC62C3B-F00A-4B15-8E9E-4C59CECA3760}"/>
            </a:ext>
          </a:extLst>
        </xdr:cNvPr>
        <xdr:cNvSpPr/>
      </xdr:nvSpPr>
      <xdr:spPr>
        <a:xfrm>
          <a:off x="13578840" y="647736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6830</xdr:rowOff>
    </xdr:from>
    <xdr:to>
      <xdr:col>76</xdr:col>
      <xdr:colOff>165100</xdr:colOff>
      <xdr:row>38</xdr:row>
      <xdr:rowOff>138430</xdr:rowOff>
    </xdr:to>
    <xdr:sp macro="" textlink="">
      <xdr:nvSpPr>
        <xdr:cNvPr id="428" name="フローチャート: 判断 427">
          <a:extLst>
            <a:ext uri="{FF2B5EF4-FFF2-40B4-BE49-F238E27FC236}">
              <a16:creationId xmlns:a16="http://schemas.microsoft.com/office/drawing/2014/main" id="{2C5F8F10-2C5D-4ABB-A59E-5DEBB852EE85}"/>
            </a:ext>
          </a:extLst>
        </xdr:cNvPr>
        <xdr:cNvSpPr/>
      </xdr:nvSpPr>
      <xdr:spPr>
        <a:xfrm>
          <a:off x="1280414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59294</xdr:rowOff>
    </xdr:from>
    <xdr:to>
      <xdr:col>72</xdr:col>
      <xdr:colOff>38100</xdr:colOff>
      <xdr:row>38</xdr:row>
      <xdr:rowOff>89444</xdr:rowOff>
    </xdr:to>
    <xdr:sp macro="" textlink="">
      <xdr:nvSpPr>
        <xdr:cNvPr id="429" name="フローチャート: 判断 428">
          <a:extLst>
            <a:ext uri="{FF2B5EF4-FFF2-40B4-BE49-F238E27FC236}">
              <a16:creationId xmlns:a16="http://schemas.microsoft.com/office/drawing/2014/main" id="{79B25152-DD1D-4EF3-992D-FED4CB4971A9}"/>
            </a:ext>
          </a:extLst>
        </xdr:cNvPr>
        <xdr:cNvSpPr/>
      </xdr:nvSpPr>
      <xdr:spPr>
        <a:xfrm>
          <a:off x="12029440" y="636197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9700</xdr:rowOff>
    </xdr:from>
    <xdr:to>
      <xdr:col>67</xdr:col>
      <xdr:colOff>101600</xdr:colOff>
      <xdr:row>38</xdr:row>
      <xdr:rowOff>69850</xdr:rowOff>
    </xdr:to>
    <xdr:sp macro="" textlink="">
      <xdr:nvSpPr>
        <xdr:cNvPr id="430" name="フローチャート: 判断 429">
          <a:extLst>
            <a:ext uri="{FF2B5EF4-FFF2-40B4-BE49-F238E27FC236}">
              <a16:creationId xmlns:a16="http://schemas.microsoft.com/office/drawing/2014/main" id="{8A6DA542-933E-4BE4-A4FD-8EEDE7DE4A8F}"/>
            </a:ext>
          </a:extLst>
        </xdr:cNvPr>
        <xdr:cNvSpPr/>
      </xdr:nvSpPr>
      <xdr:spPr>
        <a:xfrm>
          <a:off x="11231880" y="63423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9AD956EF-97BC-44BC-A63F-9B106C8B08C6}"/>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13923DEB-EEDD-4C78-BC14-4971E4721BB8}"/>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id="{ED1AC5B0-EA03-40FD-8B0B-0090A8AD097B}"/>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51A59358-8E8A-4F19-BF31-0CB39649EF81}"/>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EC652DAF-787A-4124-AE62-F12F9EF71DC5}"/>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67854</xdr:rowOff>
    </xdr:from>
    <xdr:to>
      <xdr:col>85</xdr:col>
      <xdr:colOff>177800</xdr:colOff>
      <xdr:row>40</xdr:row>
      <xdr:rowOff>169454</xdr:rowOff>
    </xdr:to>
    <xdr:sp macro="" textlink="">
      <xdr:nvSpPr>
        <xdr:cNvPr id="436" name="楕円 435">
          <a:extLst>
            <a:ext uri="{FF2B5EF4-FFF2-40B4-BE49-F238E27FC236}">
              <a16:creationId xmlns:a16="http://schemas.microsoft.com/office/drawing/2014/main" id="{B7F83685-E645-423A-8F00-A01318013ACA}"/>
            </a:ext>
          </a:extLst>
        </xdr:cNvPr>
        <xdr:cNvSpPr/>
      </xdr:nvSpPr>
      <xdr:spPr>
        <a:xfrm>
          <a:off x="14325600" y="6773454"/>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46281</xdr:rowOff>
    </xdr:from>
    <xdr:ext cx="405111" cy="259045"/>
    <xdr:sp macro="" textlink="">
      <xdr:nvSpPr>
        <xdr:cNvPr id="437" name="【認定こども園・幼稚園・保育所】&#10;有形固定資産減価償却率該当値テキスト">
          <a:extLst>
            <a:ext uri="{FF2B5EF4-FFF2-40B4-BE49-F238E27FC236}">
              <a16:creationId xmlns:a16="http://schemas.microsoft.com/office/drawing/2014/main" id="{B0A244EB-05E8-443C-9B1D-12E7359842EE}"/>
            </a:ext>
          </a:extLst>
        </xdr:cNvPr>
        <xdr:cNvSpPr txBox="1"/>
      </xdr:nvSpPr>
      <xdr:spPr>
        <a:xfrm>
          <a:off x="14414500" y="6751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61323</xdr:rowOff>
    </xdr:from>
    <xdr:to>
      <xdr:col>81</xdr:col>
      <xdr:colOff>101600</xdr:colOff>
      <xdr:row>40</xdr:row>
      <xdr:rowOff>162923</xdr:rowOff>
    </xdr:to>
    <xdr:sp macro="" textlink="">
      <xdr:nvSpPr>
        <xdr:cNvPr id="438" name="楕円 437">
          <a:extLst>
            <a:ext uri="{FF2B5EF4-FFF2-40B4-BE49-F238E27FC236}">
              <a16:creationId xmlns:a16="http://schemas.microsoft.com/office/drawing/2014/main" id="{DC4EC05A-A4E1-439D-A8FB-CA2BB115E67F}"/>
            </a:ext>
          </a:extLst>
        </xdr:cNvPr>
        <xdr:cNvSpPr/>
      </xdr:nvSpPr>
      <xdr:spPr>
        <a:xfrm>
          <a:off x="13578840" y="6766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12123</xdr:rowOff>
    </xdr:from>
    <xdr:to>
      <xdr:col>85</xdr:col>
      <xdr:colOff>127000</xdr:colOff>
      <xdr:row>40</xdr:row>
      <xdr:rowOff>118654</xdr:rowOff>
    </xdr:to>
    <xdr:cxnSp macro="">
      <xdr:nvCxnSpPr>
        <xdr:cNvPr id="439" name="直線コネクタ 438">
          <a:extLst>
            <a:ext uri="{FF2B5EF4-FFF2-40B4-BE49-F238E27FC236}">
              <a16:creationId xmlns:a16="http://schemas.microsoft.com/office/drawing/2014/main" id="{02B935A1-F0D4-41CB-9111-0C5B23D1AC83}"/>
            </a:ext>
          </a:extLst>
        </xdr:cNvPr>
        <xdr:cNvCxnSpPr/>
      </xdr:nvCxnSpPr>
      <xdr:spPr>
        <a:xfrm>
          <a:off x="13629640" y="6817723"/>
          <a:ext cx="74676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18869</xdr:rowOff>
    </xdr:from>
    <xdr:to>
      <xdr:col>76</xdr:col>
      <xdr:colOff>165100</xdr:colOff>
      <xdr:row>40</xdr:row>
      <xdr:rowOff>120469</xdr:rowOff>
    </xdr:to>
    <xdr:sp macro="" textlink="">
      <xdr:nvSpPr>
        <xdr:cNvPr id="440" name="楕円 439">
          <a:extLst>
            <a:ext uri="{FF2B5EF4-FFF2-40B4-BE49-F238E27FC236}">
              <a16:creationId xmlns:a16="http://schemas.microsoft.com/office/drawing/2014/main" id="{1EC0CFED-1548-4EBD-AA87-E5FB33F7D3F6}"/>
            </a:ext>
          </a:extLst>
        </xdr:cNvPr>
        <xdr:cNvSpPr/>
      </xdr:nvSpPr>
      <xdr:spPr>
        <a:xfrm>
          <a:off x="12804140" y="672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69669</xdr:rowOff>
    </xdr:from>
    <xdr:to>
      <xdr:col>81</xdr:col>
      <xdr:colOff>50800</xdr:colOff>
      <xdr:row>40</xdr:row>
      <xdr:rowOff>112123</xdr:rowOff>
    </xdr:to>
    <xdr:cxnSp macro="">
      <xdr:nvCxnSpPr>
        <xdr:cNvPr id="441" name="直線コネクタ 440">
          <a:extLst>
            <a:ext uri="{FF2B5EF4-FFF2-40B4-BE49-F238E27FC236}">
              <a16:creationId xmlns:a16="http://schemas.microsoft.com/office/drawing/2014/main" id="{EF74FA2C-E76D-4CE6-A764-372F00A59671}"/>
            </a:ext>
          </a:extLst>
        </xdr:cNvPr>
        <xdr:cNvCxnSpPr/>
      </xdr:nvCxnSpPr>
      <xdr:spPr>
        <a:xfrm>
          <a:off x="12854940" y="6775269"/>
          <a:ext cx="7747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25004</xdr:rowOff>
    </xdr:from>
    <xdr:to>
      <xdr:col>72</xdr:col>
      <xdr:colOff>38100</xdr:colOff>
      <xdr:row>40</xdr:row>
      <xdr:rowOff>55154</xdr:rowOff>
    </xdr:to>
    <xdr:sp macro="" textlink="">
      <xdr:nvSpPr>
        <xdr:cNvPr id="442" name="楕円 441">
          <a:extLst>
            <a:ext uri="{FF2B5EF4-FFF2-40B4-BE49-F238E27FC236}">
              <a16:creationId xmlns:a16="http://schemas.microsoft.com/office/drawing/2014/main" id="{1E08E4B4-4FC3-4828-B0BB-B03DEC2F600D}"/>
            </a:ext>
          </a:extLst>
        </xdr:cNvPr>
        <xdr:cNvSpPr/>
      </xdr:nvSpPr>
      <xdr:spPr>
        <a:xfrm>
          <a:off x="12029440" y="66629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4354</xdr:rowOff>
    </xdr:from>
    <xdr:to>
      <xdr:col>76</xdr:col>
      <xdr:colOff>114300</xdr:colOff>
      <xdr:row>40</xdr:row>
      <xdr:rowOff>69669</xdr:rowOff>
    </xdr:to>
    <xdr:cxnSp macro="">
      <xdr:nvCxnSpPr>
        <xdr:cNvPr id="443" name="直線コネクタ 442">
          <a:extLst>
            <a:ext uri="{FF2B5EF4-FFF2-40B4-BE49-F238E27FC236}">
              <a16:creationId xmlns:a16="http://schemas.microsoft.com/office/drawing/2014/main" id="{A4DC8F1A-CB0D-4F94-977D-2031D3A92A44}"/>
            </a:ext>
          </a:extLst>
        </xdr:cNvPr>
        <xdr:cNvCxnSpPr/>
      </xdr:nvCxnSpPr>
      <xdr:spPr>
        <a:xfrm>
          <a:off x="12072620" y="6709954"/>
          <a:ext cx="78232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76019</xdr:rowOff>
    </xdr:from>
    <xdr:to>
      <xdr:col>67</xdr:col>
      <xdr:colOff>101600</xdr:colOff>
      <xdr:row>40</xdr:row>
      <xdr:rowOff>6169</xdr:rowOff>
    </xdr:to>
    <xdr:sp macro="" textlink="">
      <xdr:nvSpPr>
        <xdr:cNvPr id="444" name="楕円 443">
          <a:extLst>
            <a:ext uri="{FF2B5EF4-FFF2-40B4-BE49-F238E27FC236}">
              <a16:creationId xmlns:a16="http://schemas.microsoft.com/office/drawing/2014/main" id="{FFF1ACBF-4F32-4C7F-9BC9-24262A575048}"/>
            </a:ext>
          </a:extLst>
        </xdr:cNvPr>
        <xdr:cNvSpPr/>
      </xdr:nvSpPr>
      <xdr:spPr>
        <a:xfrm>
          <a:off x="11231880" y="661397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26819</xdr:rowOff>
    </xdr:from>
    <xdr:to>
      <xdr:col>71</xdr:col>
      <xdr:colOff>177800</xdr:colOff>
      <xdr:row>40</xdr:row>
      <xdr:rowOff>4354</xdr:rowOff>
    </xdr:to>
    <xdr:cxnSp macro="">
      <xdr:nvCxnSpPr>
        <xdr:cNvPr id="445" name="直線コネクタ 444">
          <a:extLst>
            <a:ext uri="{FF2B5EF4-FFF2-40B4-BE49-F238E27FC236}">
              <a16:creationId xmlns:a16="http://schemas.microsoft.com/office/drawing/2014/main" id="{4E415748-78E9-4E83-B3F7-694D9E302045}"/>
            </a:ext>
          </a:extLst>
        </xdr:cNvPr>
        <xdr:cNvCxnSpPr/>
      </xdr:nvCxnSpPr>
      <xdr:spPr>
        <a:xfrm>
          <a:off x="11282680" y="6664779"/>
          <a:ext cx="789940" cy="45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53720</xdr:rowOff>
    </xdr:from>
    <xdr:ext cx="405111" cy="259045"/>
    <xdr:sp macro="" textlink="">
      <xdr:nvSpPr>
        <xdr:cNvPr id="446" name="n_1aveValue【認定こども園・幼稚園・保育所】&#10;有形固定資産減価償却率">
          <a:extLst>
            <a:ext uri="{FF2B5EF4-FFF2-40B4-BE49-F238E27FC236}">
              <a16:creationId xmlns:a16="http://schemas.microsoft.com/office/drawing/2014/main" id="{792400C8-EC5A-491B-AC6F-22ACDC6DA522}"/>
            </a:ext>
          </a:extLst>
        </xdr:cNvPr>
        <xdr:cNvSpPr txBox="1"/>
      </xdr:nvSpPr>
      <xdr:spPr>
        <a:xfrm>
          <a:off x="13437244" y="62564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4957</xdr:rowOff>
    </xdr:from>
    <xdr:ext cx="405111" cy="259045"/>
    <xdr:sp macro="" textlink="">
      <xdr:nvSpPr>
        <xdr:cNvPr id="447" name="n_2aveValue【認定こども園・幼稚園・保育所】&#10;有形固定資産減価償却率">
          <a:extLst>
            <a:ext uri="{FF2B5EF4-FFF2-40B4-BE49-F238E27FC236}">
              <a16:creationId xmlns:a16="http://schemas.microsoft.com/office/drawing/2014/main" id="{4C37226C-0850-47AC-A8D3-BA6CF6933373}"/>
            </a:ext>
          </a:extLst>
        </xdr:cNvPr>
        <xdr:cNvSpPr txBox="1"/>
      </xdr:nvSpPr>
      <xdr:spPr>
        <a:xfrm>
          <a:off x="126752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05971</xdr:rowOff>
    </xdr:from>
    <xdr:ext cx="405111" cy="259045"/>
    <xdr:sp macro="" textlink="">
      <xdr:nvSpPr>
        <xdr:cNvPr id="448" name="n_3aveValue【認定こども園・幼稚園・保育所】&#10;有形固定資産減価償却率">
          <a:extLst>
            <a:ext uri="{FF2B5EF4-FFF2-40B4-BE49-F238E27FC236}">
              <a16:creationId xmlns:a16="http://schemas.microsoft.com/office/drawing/2014/main" id="{D7808FD1-9DEE-4CFC-9AD7-5642EA9C109B}"/>
            </a:ext>
          </a:extLst>
        </xdr:cNvPr>
        <xdr:cNvSpPr txBox="1"/>
      </xdr:nvSpPr>
      <xdr:spPr>
        <a:xfrm>
          <a:off x="11900544" y="6141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86377</xdr:rowOff>
    </xdr:from>
    <xdr:ext cx="405111" cy="259045"/>
    <xdr:sp macro="" textlink="">
      <xdr:nvSpPr>
        <xdr:cNvPr id="449" name="n_4aveValue【認定こども園・幼稚園・保育所】&#10;有形固定資産減価償却率">
          <a:extLst>
            <a:ext uri="{FF2B5EF4-FFF2-40B4-BE49-F238E27FC236}">
              <a16:creationId xmlns:a16="http://schemas.microsoft.com/office/drawing/2014/main" id="{D601AE28-E78A-47D4-ADAC-544EF1C99236}"/>
            </a:ext>
          </a:extLst>
        </xdr:cNvPr>
        <xdr:cNvSpPr txBox="1"/>
      </xdr:nvSpPr>
      <xdr:spPr>
        <a:xfrm>
          <a:off x="11102984" y="612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54050</xdr:rowOff>
    </xdr:from>
    <xdr:ext cx="405111" cy="259045"/>
    <xdr:sp macro="" textlink="">
      <xdr:nvSpPr>
        <xdr:cNvPr id="450" name="n_1mainValue【認定こども園・幼稚園・保育所】&#10;有形固定資産減価償却率">
          <a:extLst>
            <a:ext uri="{FF2B5EF4-FFF2-40B4-BE49-F238E27FC236}">
              <a16:creationId xmlns:a16="http://schemas.microsoft.com/office/drawing/2014/main" id="{2639F4D5-7838-4437-AA35-61994B4C544F}"/>
            </a:ext>
          </a:extLst>
        </xdr:cNvPr>
        <xdr:cNvSpPr txBox="1"/>
      </xdr:nvSpPr>
      <xdr:spPr>
        <a:xfrm>
          <a:off x="13437244" y="68596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11596</xdr:rowOff>
    </xdr:from>
    <xdr:ext cx="405111" cy="259045"/>
    <xdr:sp macro="" textlink="">
      <xdr:nvSpPr>
        <xdr:cNvPr id="451" name="n_2mainValue【認定こども園・幼稚園・保育所】&#10;有形固定資産減価償却率">
          <a:extLst>
            <a:ext uri="{FF2B5EF4-FFF2-40B4-BE49-F238E27FC236}">
              <a16:creationId xmlns:a16="http://schemas.microsoft.com/office/drawing/2014/main" id="{BC8BEF98-92CD-4467-94A4-ED74CC425FA3}"/>
            </a:ext>
          </a:extLst>
        </xdr:cNvPr>
        <xdr:cNvSpPr txBox="1"/>
      </xdr:nvSpPr>
      <xdr:spPr>
        <a:xfrm>
          <a:off x="12675244" y="6817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46281</xdr:rowOff>
    </xdr:from>
    <xdr:ext cx="405111" cy="259045"/>
    <xdr:sp macro="" textlink="">
      <xdr:nvSpPr>
        <xdr:cNvPr id="452" name="n_3mainValue【認定こども園・幼稚園・保育所】&#10;有形固定資産減価償却率">
          <a:extLst>
            <a:ext uri="{FF2B5EF4-FFF2-40B4-BE49-F238E27FC236}">
              <a16:creationId xmlns:a16="http://schemas.microsoft.com/office/drawing/2014/main" id="{97F9106A-D766-4880-83BC-C13AB98C7AE4}"/>
            </a:ext>
          </a:extLst>
        </xdr:cNvPr>
        <xdr:cNvSpPr txBox="1"/>
      </xdr:nvSpPr>
      <xdr:spPr>
        <a:xfrm>
          <a:off x="11900544" y="6751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68746</xdr:rowOff>
    </xdr:from>
    <xdr:ext cx="405111" cy="259045"/>
    <xdr:sp macro="" textlink="">
      <xdr:nvSpPr>
        <xdr:cNvPr id="453" name="n_4mainValue【認定こども園・幼稚園・保育所】&#10;有形固定資産減価償却率">
          <a:extLst>
            <a:ext uri="{FF2B5EF4-FFF2-40B4-BE49-F238E27FC236}">
              <a16:creationId xmlns:a16="http://schemas.microsoft.com/office/drawing/2014/main" id="{58D0CD5C-4882-4A2A-BC6A-9FE2AB87E0BC}"/>
            </a:ext>
          </a:extLst>
        </xdr:cNvPr>
        <xdr:cNvSpPr txBox="1"/>
      </xdr:nvSpPr>
      <xdr:spPr>
        <a:xfrm>
          <a:off x="11102984" y="6706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4" name="正方形/長方形 453">
          <a:extLst>
            <a:ext uri="{FF2B5EF4-FFF2-40B4-BE49-F238E27FC236}">
              <a16:creationId xmlns:a16="http://schemas.microsoft.com/office/drawing/2014/main" id="{24FFEEB1-3F76-4E43-A77B-066286175D33}"/>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5" name="正方形/長方形 454">
          <a:extLst>
            <a:ext uri="{FF2B5EF4-FFF2-40B4-BE49-F238E27FC236}">
              <a16:creationId xmlns:a16="http://schemas.microsoft.com/office/drawing/2014/main" id="{959D3E93-C46A-4FE6-8698-CD8812BA698E}"/>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6" name="正方形/長方形 455">
          <a:extLst>
            <a:ext uri="{FF2B5EF4-FFF2-40B4-BE49-F238E27FC236}">
              <a16:creationId xmlns:a16="http://schemas.microsoft.com/office/drawing/2014/main" id="{1E05DA36-CE44-400F-9A80-43C827F1F25B}"/>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7" name="正方形/長方形 456">
          <a:extLst>
            <a:ext uri="{FF2B5EF4-FFF2-40B4-BE49-F238E27FC236}">
              <a16:creationId xmlns:a16="http://schemas.microsoft.com/office/drawing/2014/main" id="{35FEFD71-8298-47CB-A35C-2F8925687AD8}"/>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8" name="正方形/長方形 457">
          <a:extLst>
            <a:ext uri="{FF2B5EF4-FFF2-40B4-BE49-F238E27FC236}">
              <a16:creationId xmlns:a16="http://schemas.microsoft.com/office/drawing/2014/main" id="{AD273AEA-A063-4163-BDD3-3883EC7E4E10}"/>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9" name="正方形/長方形 458">
          <a:extLst>
            <a:ext uri="{FF2B5EF4-FFF2-40B4-BE49-F238E27FC236}">
              <a16:creationId xmlns:a16="http://schemas.microsoft.com/office/drawing/2014/main" id="{1DEF86B9-6F48-4DBE-99D1-EADE593BA15D}"/>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0" name="正方形/長方形 459">
          <a:extLst>
            <a:ext uri="{FF2B5EF4-FFF2-40B4-BE49-F238E27FC236}">
              <a16:creationId xmlns:a16="http://schemas.microsoft.com/office/drawing/2014/main" id="{8820D6A8-4A9E-4281-AB68-DCD842F417F5}"/>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1" name="正方形/長方形 460">
          <a:extLst>
            <a:ext uri="{FF2B5EF4-FFF2-40B4-BE49-F238E27FC236}">
              <a16:creationId xmlns:a16="http://schemas.microsoft.com/office/drawing/2014/main" id="{798331EA-42CF-49C1-9162-858895992F25}"/>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2" name="テキスト ボックス 461">
          <a:extLst>
            <a:ext uri="{FF2B5EF4-FFF2-40B4-BE49-F238E27FC236}">
              <a16:creationId xmlns:a16="http://schemas.microsoft.com/office/drawing/2014/main" id="{B70A718E-6E4C-41E0-B1C4-B5822F75FFDE}"/>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3" name="直線コネクタ 462">
          <a:extLst>
            <a:ext uri="{FF2B5EF4-FFF2-40B4-BE49-F238E27FC236}">
              <a16:creationId xmlns:a16="http://schemas.microsoft.com/office/drawing/2014/main" id="{6F3AFFDE-5526-4EFF-9929-0DE463E2E3F3}"/>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4" name="直線コネクタ 463">
          <a:extLst>
            <a:ext uri="{FF2B5EF4-FFF2-40B4-BE49-F238E27FC236}">
              <a16:creationId xmlns:a16="http://schemas.microsoft.com/office/drawing/2014/main" id="{912C5701-D56E-42CC-9393-6EA7E97F6D52}"/>
            </a:ext>
          </a:extLst>
        </xdr:cNvPr>
        <xdr:cNvCxnSpPr/>
      </xdr:nvCxnSpPr>
      <xdr:spPr>
        <a:xfrm>
          <a:off x="1609344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5" name="テキスト ボックス 464">
          <a:extLst>
            <a:ext uri="{FF2B5EF4-FFF2-40B4-BE49-F238E27FC236}">
              <a16:creationId xmlns:a16="http://schemas.microsoft.com/office/drawing/2014/main" id="{CCF41F37-C168-4982-8353-2722391CF25F}"/>
            </a:ext>
          </a:extLst>
        </xdr:cNvPr>
        <xdr:cNvSpPr txBox="1"/>
      </xdr:nvSpPr>
      <xdr:spPr>
        <a:xfrm>
          <a:off x="1569484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6" name="直線コネクタ 465">
          <a:extLst>
            <a:ext uri="{FF2B5EF4-FFF2-40B4-BE49-F238E27FC236}">
              <a16:creationId xmlns:a16="http://schemas.microsoft.com/office/drawing/2014/main" id="{4FA5E415-2633-4C75-8876-E30407F63EAF}"/>
            </a:ext>
          </a:extLst>
        </xdr:cNvPr>
        <xdr:cNvCxnSpPr/>
      </xdr:nvCxnSpPr>
      <xdr:spPr>
        <a:xfrm>
          <a:off x="1609344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7" name="テキスト ボックス 466">
          <a:extLst>
            <a:ext uri="{FF2B5EF4-FFF2-40B4-BE49-F238E27FC236}">
              <a16:creationId xmlns:a16="http://schemas.microsoft.com/office/drawing/2014/main" id="{773D2E0F-1943-4A1D-B2F2-E6479AA10E99}"/>
            </a:ext>
          </a:extLst>
        </xdr:cNvPr>
        <xdr:cNvSpPr txBox="1"/>
      </xdr:nvSpPr>
      <xdr:spPr>
        <a:xfrm>
          <a:off x="1569484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8" name="直線コネクタ 467">
          <a:extLst>
            <a:ext uri="{FF2B5EF4-FFF2-40B4-BE49-F238E27FC236}">
              <a16:creationId xmlns:a16="http://schemas.microsoft.com/office/drawing/2014/main" id="{67EDE1FD-C18A-48A2-ACFC-27930DC9C5CD}"/>
            </a:ext>
          </a:extLst>
        </xdr:cNvPr>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9" name="テキスト ボックス 468">
          <a:extLst>
            <a:ext uri="{FF2B5EF4-FFF2-40B4-BE49-F238E27FC236}">
              <a16:creationId xmlns:a16="http://schemas.microsoft.com/office/drawing/2014/main" id="{DD11E5B9-DA9E-4618-BBD0-03B6EA260158}"/>
            </a:ext>
          </a:extLst>
        </xdr:cNvPr>
        <xdr:cNvSpPr txBox="1"/>
      </xdr:nvSpPr>
      <xdr:spPr>
        <a:xfrm>
          <a:off x="1569484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70" name="直線コネクタ 469">
          <a:extLst>
            <a:ext uri="{FF2B5EF4-FFF2-40B4-BE49-F238E27FC236}">
              <a16:creationId xmlns:a16="http://schemas.microsoft.com/office/drawing/2014/main" id="{B8366948-B99B-437E-BFC5-62E0C1A68E3E}"/>
            </a:ext>
          </a:extLst>
        </xdr:cNvPr>
        <xdr:cNvCxnSpPr/>
      </xdr:nvCxnSpPr>
      <xdr:spPr>
        <a:xfrm>
          <a:off x="1609344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71" name="テキスト ボックス 470">
          <a:extLst>
            <a:ext uri="{FF2B5EF4-FFF2-40B4-BE49-F238E27FC236}">
              <a16:creationId xmlns:a16="http://schemas.microsoft.com/office/drawing/2014/main" id="{458C6A66-D25B-413E-923B-C191B92A913A}"/>
            </a:ext>
          </a:extLst>
        </xdr:cNvPr>
        <xdr:cNvSpPr txBox="1"/>
      </xdr:nvSpPr>
      <xdr:spPr>
        <a:xfrm>
          <a:off x="1569484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2" name="直線コネクタ 471">
          <a:extLst>
            <a:ext uri="{FF2B5EF4-FFF2-40B4-BE49-F238E27FC236}">
              <a16:creationId xmlns:a16="http://schemas.microsoft.com/office/drawing/2014/main" id="{F124A3AD-9359-46CE-B3F8-1F2562EFD7B4}"/>
            </a:ext>
          </a:extLst>
        </xdr:cNvPr>
        <xdr:cNvCxnSpPr/>
      </xdr:nvCxnSpPr>
      <xdr:spPr>
        <a:xfrm>
          <a:off x="1609344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73" name="テキスト ボックス 472">
          <a:extLst>
            <a:ext uri="{FF2B5EF4-FFF2-40B4-BE49-F238E27FC236}">
              <a16:creationId xmlns:a16="http://schemas.microsoft.com/office/drawing/2014/main" id="{66AC887B-05E8-45AC-93AA-79AC8C21D946}"/>
            </a:ext>
          </a:extLst>
        </xdr:cNvPr>
        <xdr:cNvSpPr txBox="1"/>
      </xdr:nvSpPr>
      <xdr:spPr>
        <a:xfrm>
          <a:off x="1569484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4" name="直線コネクタ 473">
          <a:extLst>
            <a:ext uri="{FF2B5EF4-FFF2-40B4-BE49-F238E27FC236}">
              <a16:creationId xmlns:a16="http://schemas.microsoft.com/office/drawing/2014/main" id="{6E80A47E-1400-465F-A0C8-15128A4FA53B}"/>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5" name="テキスト ボックス 474">
          <a:extLst>
            <a:ext uri="{FF2B5EF4-FFF2-40B4-BE49-F238E27FC236}">
              <a16:creationId xmlns:a16="http://schemas.microsoft.com/office/drawing/2014/main" id="{68EB8B9E-9A27-465B-B173-B86110E5D20E}"/>
            </a:ext>
          </a:extLst>
        </xdr:cNvPr>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6" name="【認定こども園・幼稚園・保育所】&#10;一人当たり面積グラフ枠">
          <a:extLst>
            <a:ext uri="{FF2B5EF4-FFF2-40B4-BE49-F238E27FC236}">
              <a16:creationId xmlns:a16="http://schemas.microsoft.com/office/drawing/2014/main" id="{C6846F18-6B94-4C7C-90B7-BB439A1D0E0B}"/>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09220</xdr:rowOff>
    </xdr:from>
    <xdr:to>
      <xdr:col>116</xdr:col>
      <xdr:colOff>62864</xdr:colOff>
      <xdr:row>42</xdr:row>
      <xdr:rowOff>11430</xdr:rowOff>
    </xdr:to>
    <xdr:cxnSp macro="">
      <xdr:nvCxnSpPr>
        <xdr:cNvPr id="477" name="直線コネクタ 476">
          <a:extLst>
            <a:ext uri="{FF2B5EF4-FFF2-40B4-BE49-F238E27FC236}">
              <a16:creationId xmlns:a16="http://schemas.microsoft.com/office/drawing/2014/main" id="{1D0AB6D0-85D0-4D70-97B9-14AE0C5EF821}"/>
            </a:ext>
          </a:extLst>
        </xdr:cNvPr>
        <xdr:cNvCxnSpPr/>
      </xdr:nvCxnSpPr>
      <xdr:spPr>
        <a:xfrm flipV="1">
          <a:off x="19509104" y="5641340"/>
          <a:ext cx="0" cy="14109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5257</xdr:rowOff>
    </xdr:from>
    <xdr:ext cx="469744" cy="259045"/>
    <xdr:sp macro="" textlink="">
      <xdr:nvSpPr>
        <xdr:cNvPr id="478" name="【認定こども園・幼稚園・保育所】&#10;一人当たり面積最小値テキスト">
          <a:extLst>
            <a:ext uri="{FF2B5EF4-FFF2-40B4-BE49-F238E27FC236}">
              <a16:creationId xmlns:a16="http://schemas.microsoft.com/office/drawing/2014/main" id="{D30B8C84-E4D8-4A15-914D-616D46579BA6}"/>
            </a:ext>
          </a:extLst>
        </xdr:cNvPr>
        <xdr:cNvSpPr txBox="1"/>
      </xdr:nvSpPr>
      <xdr:spPr>
        <a:xfrm>
          <a:off x="19547840" y="7056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1430</xdr:rowOff>
    </xdr:from>
    <xdr:to>
      <xdr:col>116</xdr:col>
      <xdr:colOff>152400</xdr:colOff>
      <xdr:row>42</xdr:row>
      <xdr:rowOff>11430</xdr:rowOff>
    </xdr:to>
    <xdr:cxnSp macro="">
      <xdr:nvCxnSpPr>
        <xdr:cNvPr id="479" name="直線コネクタ 478">
          <a:extLst>
            <a:ext uri="{FF2B5EF4-FFF2-40B4-BE49-F238E27FC236}">
              <a16:creationId xmlns:a16="http://schemas.microsoft.com/office/drawing/2014/main" id="{D47FA3A4-B007-4C11-9CCC-C27247255D71}"/>
            </a:ext>
          </a:extLst>
        </xdr:cNvPr>
        <xdr:cNvCxnSpPr/>
      </xdr:nvCxnSpPr>
      <xdr:spPr>
        <a:xfrm>
          <a:off x="19443700" y="70523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5897</xdr:rowOff>
    </xdr:from>
    <xdr:ext cx="469744" cy="259045"/>
    <xdr:sp macro="" textlink="">
      <xdr:nvSpPr>
        <xdr:cNvPr id="480" name="【認定こども園・幼稚園・保育所】&#10;一人当たり面積最大値テキスト">
          <a:extLst>
            <a:ext uri="{FF2B5EF4-FFF2-40B4-BE49-F238E27FC236}">
              <a16:creationId xmlns:a16="http://schemas.microsoft.com/office/drawing/2014/main" id="{390DB48E-C29E-4832-8898-08F833A0DD96}"/>
            </a:ext>
          </a:extLst>
        </xdr:cNvPr>
        <xdr:cNvSpPr txBox="1"/>
      </xdr:nvSpPr>
      <xdr:spPr>
        <a:xfrm>
          <a:off x="19547840" y="5420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09220</xdr:rowOff>
    </xdr:from>
    <xdr:to>
      <xdr:col>116</xdr:col>
      <xdr:colOff>152400</xdr:colOff>
      <xdr:row>33</xdr:row>
      <xdr:rowOff>109220</xdr:rowOff>
    </xdr:to>
    <xdr:cxnSp macro="">
      <xdr:nvCxnSpPr>
        <xdr:cNvPr id="481" name="直線コネクタ 480">
          <a:extLst>
            <a:ext uri="{FF2B5EF4-FFF2-40B4-BE49-F238E27FC236}">
              <a16:creationId xmlns:a16="http://schemas.microsoft.com/office/drawing/2014/main" id="{9139695C-0E07-4DC9-AA00-98E7A24A5D7F}"/>
            </a:ext>
          </a:extLst>
        </xdr:cNvPr>
        <xdr:cNvCxnSpPr/>
      </xdr:nvCxnSpPr>
      <xdr:spPr>
        <a:xfrm>
          <a:off x="19443700" y="56413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5737</xdr:rowOff>
    </xdr:from>
    <xdr:ext cx="469744" cy="259045"/>
    <xdr:sp macro="" textlink="">
      <xdr:nvSpPr>
        <xdr:cNvPr id="482" name="【認定こども園・幼稚園・保育所】&#10;一人当たり面積平均値テキスト">
          <a:extLst>
            <a:ext uri="{FF2B5EF4-FFF2-40B4-BE49-F238E27FC236}">
              <a16:creationId xmlns:a16="http://schemas.microsoft.com/office/drawing/2014/main" id="{8B63D1B2-88F0-4BA8-A134-493E4E69A085}"/>
            </a:ext>
          </a:extLst>
        </xdr:cNvPr>
        <xdr:cNvSpPr txBox="1"/>
      </xdr:nvSpPr>
      <xdr:spPr>
        <a:xfrm>
          <a:off x="19547840" y="65836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22860</xdr:rowOff>
    </xdr:from>
    <xdr:to>
      <xdr:col>116</xdr:col>
      <xdr:colOff>114300</xdr:colOff>
      <xdr:row>40</xdr:row>
      <xdr:rowOff>124460</xdr:rowOff>
    </xdr:to>
    <xdr:sp macro="" textlink="">
      <xdr:nvSpPr>
        <xdr:cNvPr id="483" name="フローチャート: 判断 482">
          <a:extLst>
            <a:ext uri="{FF2B5EF4-FFF2-40B4-BE49-F238E27FC236}">
              <a16:creationId xmlns:a16="http://schemas.microsoft.com/office/drawing/2014/main" id="{6D6E3B92-150A-44F7-B99B-D24D4CFA5FE6}"/>
            </a:ext>
          </a:extLst>
        </xdr:cNvPr>
        <xdr:cNvSpPr/>
      </xdr:nvSpPr>
      <xdr:spPr>
        <a:xfrm>
          <a:off x="19458940" y="6728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24130</xdr:rowOff>
    </xdr:from>
    <xdr:to>
      <xdr:col>112</xdr:col>
      <xdr:colOff>38100</xdr:colOff>
      <xdr:row>40</xdr:row>
      <xdr:rowOff>125730</xdr:rowOff>
    </xdr:to>
    <xdr:sp macro="" textlink="">
      <xdr:nvSpPr>
        <xdr:cNvPr id="484" name="フローチャート: 判断 483">
          <a:extLst>
            <a:ext uri="{FF2B5EF4-FFF2-40B4-BE49-F238E27FC236}">
              <a16:creationId xmlns:a16="http://schemas.microsoft.com/office/drawing/2014/main" id="{875C10BF-AE09-482D-9DCF-3391FC97103A}"/>
            </a:ext>
          </a:extLst>
        </xdr:cNvPr>
        <xdr:cNvSpPr/>
      </xdr:nvSpPr>
      <xdr:spPr>
        <a:xfrm>
          <a:off x="18735040" y="67297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64770</xdr:rowOff>
    </xdr:from>
    <xdr:to>
      <xdr:col>107</xdr:col>
      <xdr:colOff>101600</xdr:colOff>
      <xdr:row>40</xdr:row>
      <xdr:rowOff>166370</xdr:rowOff>
    </xdr:to>
    <xdr:sp macro="" textlink="">
      <xdr:nvSpPr>
        <xdr:cNvPr id="485" name="フローチャート: 判断 484">
          <a:extLst>
            <a:ext uri="{FF2B5EF4-FFF2-40B4-BE49-F238E27FC236}">
              <a16:creationId xmlns:a16="http://schemas.microsoft.com/office/drawing/2014/main" id="{89C2F879-1DA9-47F6-9F0E-6D63CF16BA02}"/>
            </a:ext>
          </a:extLst>
        </xdr:cNvPr>
        <xdr:cNvSpPr/>
      </xdr:nvSpPr>
      <xdr:spPr>
        <a:xfrm>
          <a:off x="17937480" y="6770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59690</xdr:rowOff>
    </xdr:from>
    <xdr:to>
      <xdr:col>102</xdr:col>
      <xdr:colOff>165100</xdr:colOff>
      <xdr:row>40</xdr:row>
      <xdr:rowOff>161290</xdr:rowOff>
    </xdr:to>
    <xdr:sp macro="" textlink="">
      <xdr:nvSpPr>
        <xdr:cNvPr id="486" name="フローチャート: 判断 485">
          <a:extLst>
            <a:ext uri="{FF2B5EF4-FFF2-40B4-BE49-F238E27FC236}">
              <a16:creationId xmlns:a16="http://schemas.microsoft.com/office/drawing/2014/main" id="{E961B214-D62E-4A2A-B078-2C1897305EE3}"/>
            </a:ext>
          </a:extLst>
        </xdr:cNvPr>
        <xdr:cNvSpPr/>
      </xdr:nvSpPr>
      <xdr:spPr>
        <a:xfrm>
          <a:off x="17162780" y="676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48260</xdr:rowOff>
    </xdr:from>
    <xdr:to>
      <xdr:col>98</xdr:col>
      <xdr:colOff>38100</xdr:colOff>
      <xdr:row>40</xdr:row>
      <xdr:rowOff>149860</xdr:rowOff>
    </xdr:to>
    <xdr:sp macro="" textlink="">
      <xdr:nvSpPr>
        <xdr:cNvPr id="487" name="フローチャート: 判断 486">
          <a:extLst>
            <a:ext uri="{FF2B5EF4-FFF2-40B4-BE49-F238E27FC236}">
              <a16:creationId xmlns:a16="http://schemas.microsoft.com/office/drawing/2014/main" id="{40705B50-E98C-40A4-934A-E5103A92E5BB}"/>
            </a:ext>
          </a:extLst>
        </xdr:cNvPr>
        <xdr:cNvSpPr/>
      </xdr:nvSpPr>
      <xdr:spPr>
        <a:xfrm>
          <a:off x="16388080" y="675386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F5AFED5D-5C88-4AFE-B26E-470BD671A702}"/>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864C85ED-146E-45E0-83A0-B2AEB0236013}"/>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13252D52-1EEC-4E23-B8E1-D05C62B0C208}"/>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CABD7798-A2AB-4CA0-8572-3D9A2E2358F8}"/>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2" name="テキスト ボックス 491">
          <a:extLst>
            <a:ext uri="{FF2B5EF4-FFF2-40B4-BE49-F238E27FC236}">
              <a16:creationId xmlns:a16="http://schemas.microsoft.com/office/drawing/2014/main" id="{A33A3B8E-1DF5-4534-ABCA-B8B2E5E2640B}"/>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11760</xdr:rowOff>
    </xdr:from>
    <xdr:to>
      <xdr:col>116</xdr:col>
      <xdr:colOff>114300</xdr:colOff>
      <xdr:row>41</xdr:row>
      <xdr:rowOff>41910</xdr:rowOff>
    </xdr:to>
    <xdr:sp macro="" textlink="">
      <xdr:nvSpPr>
        <xdr:cNvPr id="493" name="楕円 492">
          <a:extLst>
            <a:ext uri="{FF2B5EF4-FFF2-40B4-BE49-F238E27FC236}">
              <a16:creationId xmlns:a16="http://schemas.microsoft.com/office/drawing/2014/main" id="{64E6F8B2-83BF-4515-BE9F-11BA4BAE69BB}"/>
            </a:ext>
          </a:extLst>
        </xdr:cNvPr>
        <xdr:cNvSpPr/>
      </xdr:nvSpPr>
      <xdr:spPr>
        <a:xfrm>
          <a:off x="19458940" y="68173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90187</xdr:rowOff>
    </xdr:from>
    <xdr:ext cx="469744" cy="259045"/>
    <xdr:sp macro="" textlink="">
      <xdr:nvSpPr>
        <xdr:cNvPr id="494" name="【認定こども園・幼稚園・保育所】&#10;一人当たり面積該当値テキスト">
          <a:extLst>
            <a:ext uri="{FF2B5EF4-FFF2-40B4-BE49-F238E27FC236}">
              <a16:creationId xmlns:a16="http://schemas.microsoft.com/office/drawing/2014/main" id="{E6994E06-F779-4BA0-86BF-22406A9F3848}"/>
            </a:ext>
          </a:extLst>
        </xdr:cNvPr>
        <xdr:cNvSpPr txBox="1"/>
      </xdr:nvSpPr>
      <xdr:spPr>
        <a:xfrm>
          <a:off x="19547840" y="6795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43510</xdr:rowOff>
    </xdr:from>
    <xdr:to>
      <xdr:col>112</xdr:col>
      <xdr:colOff>38100</xdr:colOff>
      <xdr:row>41</xdr:row>
      <xdr:rowOff>73660</xdr:rowOff>
    </xdr:to>
    <xdr:sp macro="" textlink="">
      <xdr:nvSpPr>
        <xdr:cNvPr id="495" name="楕円 494">
          <a:extLst>
            <a:ext uri="{FF2B5EF4-FFF2-40B4-BE49-F238E27FC236}">
              <a16:creationId xmlns:a16="http://schemas.microsoft.com/office/drawing/2014/main" id="{C16D3149-F121-4BAA-A61C-B20FA4524D0F}"/>
            </a:ext>
          </a:extLst>
        </xdr:cNvPr>
        <xdr:cNvSpPr/>
      </xdr:nvSpPr>
      <xdr:spPr>
        <a:xfrm>
          <a:off x="18735040" y="68491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62560</xdr:rowOff>
    </xdr:from>
    <xdr:to>
      <xdr:col>116</xdr:col>
      <xdr:colOff>63500</xdr:colOff>
      <xdr:row>41</xdr:row>
      <xdr:rowOff>22860</xdr:rowOff>
    </xdr:to>
    <xdr:cxnSp macro="">
      <xdr:nvCxnSpPr>
        <xdr:cNvPr id="496" name="直線コネクタ 495">
          <a:extLst>
            <a:ext uri="{FF2B5EF4-FFF2-40B4-BE49-F238E27FC236}">
              <a16:creationId xmlns:a16="http://schemas.microsoft.com/office/drawing/2014/main" id="{8A03606C-3008-4E62-942F-1B199B45F533}"/>
            </a:ext>
          </a:extLst>
        </xdr:cNvPr>
        <xdr:cNvCxnSpPr/>
      </xdr:nvCxnSpPr>
      <xdr:spPr>
        <a:xfrm flipV="1">
          <a:off x="18778220" y="6868160"/>
          <a:ext cx="731520" cy="27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46050</xdr:rowOff>
    </xdr:from>
    <xdr:to>
      <xdr:col>107</xdr:col>
      <xdr:colOff>101600</xdr:colOff>
      <xdr:row>41</xdr:row>
      <xdr:rowOff>76200</xdr:rowOff>
    </xdr:to>
    <xdr:sp macro="" textlink="">
      <xdr:nvSpPr>
        <xdr:cNvPr id="497" name="楕円 496">
          <a:extLst>
            <a:ext uri="{FF2B5EF4-FFF2-40B4-BE49-F238E27FC236}">
              <a16:creationId xmlns:a16="http://schemas.microsoft.com/office/drawing/2014/main" id="{1D6126FB-89F6-48B5-BD94-F825F9DF6E49}"/>
            </a:ext>
          </a:extLst>
        </xdr:cNvPr>
        <xdr:cNvSpPr/>
      </xdr:nvSpPr>
      <xdr:spPr>
        <a:xfrm>
          <a:off x="17937480" y="68516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22860</xdr:rowOff>
    </xdr:from>
    <xdr:to>
      <xdr:col>111</xdr:col>
      <xdr:colOff>177800</xdr:colOff>
      <xdr:row>41</xdr:row>
      <xdr:rowOff>25400</xdr:rowOff>
    </xdr:to>
    <xdr:cxnSp macro="">
      <xdr:nvCxnSpPr>
        <xdr:cNvPr id="498" name="直線コネクタ 497">
          <a:extLst>
            <a:ext uri="{FF2B5EF4-FFF2-40B4-BE49-F238E27FC236}">
              <a16:creationId xmlns:a16="http://schemas.microsoft.com/office/drawing/2014/main" id="{899DE9B7-DE16-48F4-A65F-F795F78504FB}"/>
            </a:ext>
          </a:extLst>
        </xdr:cNvPr>
        <xdr:cNvCxnSpPr/>
      </xdr:nvCxnSpPr>
      <xdr:spPr>
        <a:xfrm flipV="1">
          <a:off x="17988280" y="6896100"/>
          <a:ext cx="78994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49860</xdr:rowOff>
    </xdr:from>
    <xdr:to>
      <xdr:col>102</xdr:col>
      <xdr:colOff>165100</xdr:colOff>
      <xdr:row>41</xdr:row>
      <xdr:rowOff>80010</xdr:rowOff>
    </xdr:to>
    <xdr:sp macro="" textlink="">
      <xdr:nvSpPr>
        <xdr:cNvPr id="499" name="楕円 498">
          <a:extLst>
            <a:ext uri="{FF2B5EF4-FFF2-40B4-BE49-F238E27FC236}">
              <a16:creationId xmlns:a16="http://schemas.microsoft.com/office/drawing/2014/main" id="{2F12AF4B-FBD8-4D97-8B4A-274C5E10071B}"/>
            </a:ext>
          </a:extLst>
        </xdr:cNvPr>
        <xdr:cNvSpPr/>
      </xdr:nvSpPr>
      <xdr:spPr>
        <a:xfrm>
          <a:off x="17162780" y="68554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25400</xdr:rowOff>
    </xdr:from>
    <xdr:to>
      <xdr:col>107</xdr:col>
      <xdr:colOff>50800</xdr:colOff>
      <xdr:row>41</xdr:row>
      <xdr:rowOff>29210</xdr:rowOff>
    </xdr:to>
    <xdr:cxnSp macro="">
      <xdr:nvCxnSpPr>
        <xdr:cNvPr id="500" name="直線コネクタ 499">
          <a:extLst>
            <a:ext uri="{FF2B5EF4-FFF2-40B4-BE49-F238E27FC236}">
              <a16:creationId xmlns:a16="http://schemas.microsoft.com/office/drawing/2014/main" id="{4A85EBC3-D473-42D1-9D9E-638C024B3E14}"/>
            </a:ext>
          </a:extLst>
        </xdr:cNvPr>
        <xdr:cNvCxnSpPr/>
      </xdr:nvCxnSpPr>
      <xdr:spPr>
        <a:xfrm flipV="1">
          <a:off x="17213580" y="6898640"/>
          <a:ext cx="7747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51130</xdr:rowOff>
    </xdr:from>
    <xdr:to>
      <xdr:col>98</xdr:col>
      <xdr:colOff>38100</xdr:colOff>
      <xdr:row>41</xdr:row>
      <xdr:rowOff>81280</xdr:rowOff>
    </xdr:to>
    <xdr:sp macro="" textlink="">
      <xdr:nvSpPr>
        <xdr:cNvPr id="501" name="楕円 500">
          <a:extLst>
            <a:ext uri="{FF2B5EF4-FFF2-40B4-BE49-F238E27FC236}">
              <a16:creationId xmlns:a16="http://schemas.microsoft.com/office/drawing/2014/main" id="{4A3EC9CD-3C09-4D4A-9A52-61BE21AF3DF2}"/>
            </a:ext>
          </a:extLst>
        </xdr:cNvPr>
        <xdr:cNvSpPr/>
      </xdr:nvSpPr>
      <xdr:spPr>
        <a:xfrm>
          <a:off x="16388080" y="68567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29210</xdr:rowOff>
    </xdr:from>
    <xdr:to>
      <xdr:col>102</xdr:col>
      <xdr:colOff>114300</xdr:colOff>
      <xdr:row>41</xdr:row>
      <xdr:rowOff>30480</xdr:rowOff>
    </xdr:to>
    <xdr:cxnSp macro="">
      <xdr:nvCxnSpPr>
        <xdr:cNvPr id="502" name="直線コネクタ 501">
          <a:extLst>
            <a:ext uri="{FF2B5EF4-FFF2-40B4-BE49-F238E27FC236}">
              <a16:creationId xmlns:a16="http://schemas.microsoft.com/office/drawing/2014/main" id="{EE7CFCBB-AF47-44D1-A110-FC2A71D2ABE5}"/>
            </a:ext>
          </a:extLst>
        </xdr:cNvPr>
        <xdr:cNvCxnSpPr/>
      </xdr:nvCxnSpPr>
      <xdr:spPr>
        <a:xfrm flipV="1">
          <a:off x="16431260" y="6902450"/>
          <a:ext cx="78232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42257</xdr:rowOff>
    </xdr:from>
    <xdr:ext cx="469744" cy="259045"/>
    <xdr:sp macro="" textlink="">
      <xdr:nvSpPr>
        <xdr:cNvPr id="503" name="n_1aveValue【認定こども園・幼稚園・保育所】&#10;一人当たり面積">
          <a:extLst>
            <a:ext uri="{FF2B5EF4-FFF2-40B4-BE49-F238E27FC236}">
              <a16:creationId xmlns:a16="http://schemas.microsoft.com/office/drawing/2014/main" id="{6A20B92B-F841-41C4-8551-05728AA5CFC1}"/>
            </a:ext>
          </a:extLst>
        </xdr:cNvPr>
        <xdr:cNvSpPr txBox="1"/>
      </xdr:nvSpPr>
      <xdr:spPr>
        <a:xfrm>
          <a:off x="18561127" y="6512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11447</xdr:rowOff>
    </xdr:from>
    <xdr:ext cx="469744" cy="259045"/>
    <xdr:sp macro="" textlink="">
      <xdr:nvSpPr>
        <xdr:cNvPr id="504" name="n_2aveValue【認定こども園・幼稚園・保育所】&#10;一人当たり面積">
          <a:extLst>
            <a:ext uri="{FF2B5EF4-FFF2-40B4-BE49-F238E27FC236}">
              <a16:creationId xmlns:a16="http://schemas.microsoft.com/office/drawing/2014/main" id="{4DA639A9-606C-427A-A381-D74338BE2B13}"/>
            </a:ext>
          </a:extLst>
        </xdr:cNvPr>
        <xdr:cNvSpPr txBox="1"/>
      </xdr:nvSpPr>
      <xdr:spPr>
        <a:xfrm>
          <a:off x="17776267" y="6549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6367</xdr:rowOff>
    </xdr:from>
    <xdr:ext cx="469744" cy="259045"/>
    <xdr:sp macro="" textlink="">
      <xdr:nvSpPr>
        <xdr:cNvPr id="505" name="n_3aveValue【認定こども園・幼稚園・保育所】&#10;一人当たり面積">
          <a:extLst>
            <a:ext uri="{FF2B5EF4-FFF2-40B4-BE49-F238E27FC236}">
              <a16:creationId xmlns:a16="http://schemas.microsoft.com/office/drawing/2014/main" id="{9B53D33A-15F1-4C88-A6D4-BB32395DECCA}"/>
            </a:ext>
          </a:extLst>
        </xdr:cNvPr>
        <xdr:cNvSpPr txBox="1"/>
      </xdr:nvSpPr>
      <xdr:spPr>
        <a:xfrm>
          <a:off x="17001567" y="654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66387</xdr:rowOff>
    </xdr:from>
    <xdr:ext cx="469744" cy="259045"/>
    <xdr:sp macro="" textlink="">
      <xdr:nvSpPr>
        <xdr:cNvPr id="506" name="n_4aveValue【認定こども園・幼稚園・保育所】&#10;一人当たり面積">
          <a:extLst>
            <a:ext uri="{FF2B5EF4-FFF2-40B4-BE49-F238E27FC236}">
              <a16:creationId xmlns:a16="http://schemas.microsoft.com/office/drawing/2014/main" id="{1E0A32BE-C0F3-4E56-8C57-2C4D42FFB245}"/>
            </a:ext>
          </a:extLst>
        </xdr:cNvPr>
        <xdr:cNvSpPr txBox="1"/>
      </xdr:nvSpPr>
      <xdr:spPr>
        <a:xfrm>
          <a:off x="16226867" y="6536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4787</xdr:rowOff>
    </xdr:from>
    <xdr:ext cx="469744" cy="259045"/>
    <xdr:sp macro="" textlink="">
      <xdr:nvSpPr>
        <xdr:cNvPr id="507" name="n_1mainValue【認定こども園・幼稚園・保育所】&#10;一人当たり面積">
          <a:extLst>
            <a:ext uri="{FF2B5EF4-FFF2-40B4-BE49-F238E27FC236}">
              <a16:creationId xmlns:a16="http://schemas.microsoft.com/office/drawing/2014/main" id="{A49AF0BD-E586-4812-97A6-7BC3C9DE0730}"/>
            </a:ext>
          </a:extLst>
        </xdr:cNvPr>
        <xdr:cNvSpPr txBox="1"/>
      </xdr:nvSpPr>
      <xdr:spPr>
        <a:xfrm>
          <a:off x="18561127" y="693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7327</xdr:rowOff>
    </xdr:from>
    <xdr:ext cx="469744" cy="259045"/>
    <xdr:sp macro="" textlink="">
      <xdr:nvSpPr>
        <xdr:cNvPr id="508" name="n_2mainValue【認定こども園・幼稚園・保育所】&#10;一人当たり面積">
          <a:extLst>
            <a:ext uri="{FF2B5EF4-FFF2-40B4-BE49-F238E27FC236}">
              <a16:creationId xmlns:a16="http://schemas.microsoft.com/office/drawing/2014/main" id="{F52F94CB-B8B6-4256-82EB-2A0E4FB8BCE1}"/>
            </a:ext>
          </a:extLst>
        </xdr:cNvPr>
        <xdr:cNvSpPr txBox="1"/>
      </xdr:nvSpPr>
      <xdr:spPr>
        <a:xfrm>
          <a:off x="17776267" y="6940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71137</xdr:rowOff>
    </xdr:from>
    <xdr:ext cx="469744" cy="259045"/>
    <xdr:sp macro="" textlink="">
      <xdr:nvSpPr>
        <xdr:cNvPr id="509" name="n_3mainValue【認定こども園・幼稚園・保育所】&#10;一人当たり面積">
          <a:extLst>
            <a:ext uri="{FF2B5EF4-FFF2-40B4-BE49-F238E27FC236}">
              <a16:creationId xmlns:a16="http://schemas.microsoft.com/office/drawing/2014/main" id="{F50775B5-EFC7-4E24-8985-83274DB5980B}"/>
            </a:ext>
          </a:extLst>
        </xdr:cNvPr>
        <xdr:cNvSpPr txBox="1"/>
      </xdr:nvSpPr>
      <xdr:spPr>
        <a:xfrm>
          <a:off x="17001567" y="6944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72407</xdr:rowOff>
    </xdr:from>
    <xdr:ext cx="469744" cy="259045"/>
    <xdr:sp macro="" textlink="">
      <xdr:nvSpPr>
        <xdr:cNvPr id="510" name="n_4mainValue【認定こども園・幼稚園・保育所】&#10;一人当たり面積">
          <a:extLst>
            <a:ext uri="{FF2B5EF4-FFF2-40B4-BE49-F238E27FC236}">
              <a16:creationId xmlns:a16="http://schemas.microsoft.com/office/drawing/2014/main" id="{63703E91-EC00-4E03-815E-E2DAE8339786}"/>
            </a:ext>
          </a:extLst>
        </xdr:cNvPr>
        <xdr:cNvSpPr txBox="1"/>
      </xdr:nvSpPr>
      <xdr:spPr>
        <a:xfrm>
          <a:off x="16226867" y="694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1" name="正方形/長方形 510">
          <a:extLst>
            <a:ext uri="{FF2B5EF4-FFF2-40B4-BE49-F238E27FC236}">
              <a16:creationId xmlns:a16="http://schemas.microsoft.com/office/drawing/2014/main" id="{68AB951F-E561-4D71-8969-A9797ED40E02}"/>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2" name="正方形/長方形 511">
          <a:extLst>
            <a:ext uri="{FF2B5EF4-FFF2-40B4-BE49-F238E27FC236}">
              <a16:creationId xmlns:a16="http://schemas.microsoft.com/office/drawing/2014/main" id="{1215C630-9D0C-4787-8C31-04BEAB670612}"/>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3" name="正方形/長方形 512">
          <a:extLst>
            <a:ext uri="{FF2B5EF4-FFF2-40B4-BE49-F238E27FC236}">
              <a16:creationId xmlns:a16="http://schemas.microsoft.com/office/drawing/2014/main" id="{00CC011A-95F5-4CC1-8ABC-BA597788E25D}"/>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4" name="正方形/長方形 513">
          <a:extLst>
            <a:ext uri="{FF2B5EF4-FFF2-40B4-BE49-F238E27FC236}">
              <a16:creationId xmlns:a16="http://schemas.microsoft.com/office/drawing/2014/main" id="{600FCACE-AD97-41A1-AC2D-D322F24EEC50}"/>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5" name="正方形/長方形 514">
          <a:extLst>
            <a:ext uri="{FF2B5EF4-FFF2-40B4-BE49-F238E27FC236}">
              <a16:creationId xmlns:a16="http://schemas.microsoft.com/office/drawing/2014/main" id="{41D8157A-EBC4-4680-9EE7-8CDE037E2AF4}"/>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6" name="正方形/長方形 515">
          <a:extLst>
            <a:ext uri="{FF2B5EF4-FFF2-40B4-BE49-F238E27FC236}">
              <a16:creationId xmlns:a16="http://schemas.microsoft.com/office/drawing/2014/main" id="{B2313436-1AC9-4E6C-8100-B3B18E617555}"/>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7" name="正方形/長方形 516">
          <a:extLst>
            <a:ext uri="{FF2B5EF4-FFF2-40B4-BE49-F238E27FC236}">
              <a16:creationId xmlns:a16="http://schemas.microsoft.com/office/drawing/2014/main" id="{8CBF8F20-8DCA-4AE4-B126-969C02CB69A7}"/>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8" name="正方形/長方形 517">
          <a:extLst>
            <a:ext uri="{FF2B5EF4-FFF2-40B4-BE49-F238E27FC236}">
              <a16:creationId xmlns:a16="http://schemas.microsoft.com/office/drawing/2014/main" id="{8ED4987B-C641-47D9-9EBE-77826C04AD24}"/>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9" name="テキスト ボックス 518">
          <a:extLst>
            <a:ext uri="{FF2B5EF4-FFF2-40B4-BE49-F238E27FC236}">
              <a16:creationId xmlns:a16="http://schemas.microsoft.com/office/drawing/2014/main" id="{A0275982-CFBF-421C-BBCB-8BFBCE33FC44}"/>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0" name="直線コネクタ 519">
          <a:extLst>
            <a:ext uri="{FF2B5EF4-FFF2-40B4-BE49-F238E27FC236}">
              <a16:creationId xmlns:a16="http://schemas.microsoft.com/office/drawing/2014/main" id="{1D4BB0F4-8A2F-4D71-B011-3A402A11A69F}"/>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1" name="テキスト ボックス 520">
          <a:extLst>
            <a:ext uri="{FF2B5EF4-FFF2-40B4-BE49-F238E27FC236}">
              <a16:creationId xmlns:a16="http://schemas.microsoft.com/office/drawing/2014/main" id="{403D1ED6-BF0A-4632-964F-7F528492D019}"/>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2" name="直線コネクタ 521">
          <a:extLst>
            <a:ext uri="{FF2B5EF4-FFF2-40B4-BE49-F238E27FC236}">
              <a16:creationId xmlns:a16="http://schemas.microsoft.com/office/drawing/2014/main" id="{4F60FAEF-34DF-4CE9-B1CA-E356FC914AF2}"/>
            </a:ext>
          </a:extLst>
        </xdr:cNvPr>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3" name="テキスト ボックス 522">
          <a:extLst>
            <a:ext uri="{FF2B5EF4-FFF2-40B4-BE49-F238E27FC236}">
              <a16:creationId xmlns:a16="http://schemas.microsoft.com/office/drawing/2014/main" id="{80B3B421-BA95-4346-8062-3703409749F9}"/>
            </a:ext>
          </a:extLst>
        </xdr:cNvPr>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4" name="直線コネクタ 523">
          <a:extLst>
            <a:ext uri="{FF2B5EF4-FFF2-40B4-BE49-F238E27FC236}">
              <a16:creationId xmlns:a16="http://schemas.microsoft.com/office/drawing/2014/main" id="{E42FB8F6-0A8B-443F-9AA7-874CD5ABA4DC}"/>
            </a:ext>
          </a:extLst>
        </xdr:cNvPr>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5" name="テキスト ボックス 524">
          <a:extLst>
            <a:ext uri="{FF2B5EF4-FFF2-40B4-BE49-F238E27FC236}">
              <a16:creationId xmlns:a16="http://schemas.microsoft.com/office/drawing/2014/main" id="{F9CB0CAB-3B1D-48DF-B029-B194A6F626DD}"/>
            </a:ext>
          </a:extLst>
        </xdr:cNvPr>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6" name="直線コネクタ 525">
          <a:extLst>
            <a:ext uri="{FF2B5EF4-FFF2-40B4-BE49-F238E27FC236}">
              <a16:creationId xmlns:a16="http://schemas.microsoft.com/office/drawing/2014/main" id="{B293A3EC-E8C3-4F56-9034-1A7E4B57AAE3}"/>
            </a:ext>
          </a:extLst>
        </xdr:cNvPr>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7" name="テキスト ボックス 526">
          <a:extLst>
            <a:ext uri="{FF2B5EF4-FFF2-40B4-BE49-F238E27FC236}">
              <a16:creationId xmlns:a16="http://schemas.microsoft.com/office/drawing/2014/main" id="{646D3B3D-FB2E-4833-8E18-F980D24B0FBC}"/>
            </a:ext>
          </a:extLst>
        </xdr:cNvPr>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8" name="直線コネクタ 527">
          <a:extLst>
            <a:ext uri="{FF2B5EF4-FFF2-40B4-BE49-F238E27FC236}">
              <a16:creationId xmlns:a16="http://schemas.microsoft.com/office/drawing/2014/main" id="{11753177-FD6C-43A6-9809-B16DD245AF82}"/>
            </a:ext>
          </a:extLst>
        </xdr:cNvPr>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9" name="テキスト ボックス 528">
          <a:extLst>
            <a:ext uri="{FF2B5EF4-FFF2-40B4-BE49-F238E27FC236}">
              <a16:creationId xmlns:a16="http://schemas.microsoft.com/office/drawing/2014/main" id="{D4A06AB4-DFE5-4B21-8642-2FE508576347}"/>
            </a:ext>
          </a:extLst>
        </xdr:cNvPr>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30" name="直線コネクタ 529">
          <a:extLst>
            <a:ext uri="{FF2B5EF4-FFF2-40B4-BE49-F238E27FC236}">
              <a16:creationId xmlns:a16="http://schemas.microsoft.com/office/drawing/2014/main" id="{8EE8D3B6-4494-41CD-82DF-A0C5270DEB50}"/>
            </a:ext>
          </a:extLst>
        </xdr:cNvPr>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1" name="テキスト ボックス 530">
          <a:extLst>
            <a:ext uri="{FF2B5EF4-FFF2-40B4-BE49-F238E27FC236}">
              <a16:creationId xmlns:a16="http://schemas.microsoft.com/office/drawing/2014/main" id="{3F6F23FE-746A-45EA-AE73-2A2EA5A487DB}"/>
            </a:ext>
          </a:extLst>
        </xdr:cNvPr>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2" name="直線コネクタ 531">
          <a:extLst>
            <a:ext uri="{FF2B5EF4-FFF2-40B4-BE49-F238E27FC236}">
              <a16:creationId xmlns:a16="http://schemas.microsoft.com/office/drawing/2014/main" id="{9904A4B8-1B61-401E-91CC-5B87B328F7DF}"/>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3" name="テキスト ボックス 532">
          <a:extLst>
            <a:ext uri="{FF2B5EF4-FFF2-40B4-BE49-F238E27FC236}">
              <a16:creationId xmlns:a16="http://schemas.microsoft.com/office/drawing/2014/main" id="{8DE8652C-B3BA-4C66-8AE9-C71F9C37A09D}"/>
            </a:ext>
          </a:extLst>
        </xdr:cNvPr>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4" name="【学校施設】&#10;有形固定資産減価償却率グラフ枠">
          <a:extLst>
            <a:ext uri="{FF2B5EF4-FFF2-40B4-BE49-F238E27FC236}">
              <a16:creationId xmlns:a16="http://schemas.microsoft.com/office/drawing/2014/main" id="{84D331EA-D0A7-4F15-BC32-0133EA6AC1E1}"/>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85725</xdr:rowOff>
    </xdr:from>
    <xdr:to>
      <xdr:col>85</xdr:col>
      <xdr:colOff>126364</xdr:colOff>
      <xdr:row>63</xdr:row>
      <xdr:rowOff>91440</xdr:rowOff>
    </xdr:to>
    <xdr:cxnSp macro="">
      <xdr:nvCxnSpPr>
        <xdr:cNvPr id="535" name="直線コネクタ 534">
          <a:extLst>
            <a:ext uri="{FF2B5EF4-FFF2-40B4-BE49-F238E27FC236}">
              <a16:creationId xmlns:a16="http://schemas.microsoft.com/office/drawing/2014/main" id="{DD955D70-32A6-463B-891A-397327D34B12}"/>
            </a:ext>
          </a:extLst>
        </xdr:cNvPr>
        <xdr:cNvCxnSpPr/>
      </xdr:nvCxnSpPr>
      <xdr:spPr>
        <a:xfrm flipV="1">
          <a:off x="14375764" y="9473565"/>
          <a:ext cx="0" cy="11791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5267</xdr:rowOff>
    </xdr:from>
    <xdr:ext cx="405111" cy="259045"/>
    <xdr:sp macro="" textlink="">
      <xdr:nvSpPr>
        <xdr:cNvPr id="536" name="【学校施設】&#10;有形固定資産減価償却率最小値テキスト">
          <a:extLst>
            <a:ext uri="{FF2B5EF4-FFF2-40B4-BE49-F238E27FC236}">
              <a16:creationId xmlns:a16="http://schemas.microsoft.com/office/drawing/2014/main" id="{A0D3F3CC-1C6F-456A-A27A-A3542923C039}"/>
            </a:ext>
          </a:extLst>
        </xdr:cNvPr>
        <xdr:cNvSpPr txBox="1"/>
      </xdr:nvSpPr>
      <xdr:spPr>
        <a:xfrm>
          <a:off x="14414500" y="10656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91440</xdr:rowOff>
    </xdr:from>
    <xdr:to>
      <xdr:col>86</xdr:col>
      <xdr:colOff>25400</xdr:colOff>
      <xdr:row>63</xdr:row>
      <xdr:rowOff>91440</xdr:rowOff>
    </xdr:to>
    <xdr:cxnSp macro="">
      <xdr:nvCxnSpPr>
        <xdr:cNvPr id="537" name="直線コネクタ 536">
          <a:extLst>
            <a:ext uri="{FF2B5EF4-FFF2-40B4-BE49-F238E27FC236}">
              <a16:creationId xmlns:a16="http://schemas.microsoft.com/office/drawing/2014/main" id="{B883509E-929B-4222-BD65-26C9AD9ADE81}"/>
            </a:ext>
          </a:extLst>
        </xdr:cNvPr>
        <xdr:cNvCxnSpPr/>
      </xdr:nvCxnSpPr>
      <xdr:spPr>
        <a:xfrm>
          <a:off x="14287500" y="106527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32402</xdr:rowOff>
    </xdr:from>
    <xdr:ext cx="405111" cy="259045"/>
    <xdr:sp macro="" textlink="">
      <xdr:nvSpPr>
        <xdr:cNvPr id="538" name="【学校施設】&#10;有形固定資産減価償却率最大値テキスト">
          <a:extLst>
            <a:ext uri="{FF2B5EF4-FFF2-40B4-BE49-F238E27FC236}">
              <a16:creationId xmlns:a16="http://schemas.microsoft.com/office/drawing/2014/main" id="{3C5D8C1F-2A4A-4F7D-A1CC-61EEBCEEC654}"/>
            </a:ext>
          </a:extLst>
        </xdr:cNvPr>
        <xdr:cNvSpPr txBox="1"/>
      </xdr:nvSpPr>
      <xdr:spPr>
        <a:xfrm>
          <a:off x="14414500" y="9252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85725</xdr:rowOff>
    </xdr:from>
    <xdr:to>
      <xdr:col>86</xdr:col>
      <xdr:colOff>25400</xdr:colOff>
      <xdr:row>56</xdr:row>
      <xdr:rowOff>85725</xdr:rowOff>
    </xdr:to>
    <xdr:cxnSp macro="">
      <xdr:nvCxnSpPr>
        <xdr:cNvPr id="539" name="直線コネクタ 538">
          <a:extLst>
            <a:ext uri="{FF2B5EF4-FFF2-40B4-BE49-F238E27FC236}">
              <a16:creationId xmlns:a16="http://schemas.microsoft.com/office/drawing/2014/main" id="{A5E83D0F-E313-4FE0-94F7-509B1C66F614}"/>
            </a:ext>
          </a:extLst>
        </xdr:cNvPr>
        <xdr:cNvCxnSpPr/>
      </xdr:nvCxnSpPr>
      <xdr:spPr>
        <a:xfrm>
          <a:off x="14287500" y="94735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1447</xdr:rowOff>
    </xdr:from>
    <xdr:ext cx="405111" cy="259045"/>
    <xdr:sp macro="" textlink="">
      <xdr:nvSpPr>
        <xdr:cNvPr id="540" name="【学校施設】&#10;有形固定資産減価償却率平均値テキスト">
          <a:extLst>
            <a:ext uri="{FF2B5EF4-FFF2-40B4-BE49-F238E27FC236}">
              <a16:creationId xmlns:a16="http://schemas.microsoft.com/office/drawing/2014/main" id="{1D6CCEC1-6251-42A5-9899-687660274EC4}"/>
            </a:ext>
          </a:extLst>
        </xdr:cNvPr>
        <xdr:cNvSpPr txBox="1"/>
      </xdr:nvSpPr>
      <xdr:spPr>
        <a:xfrm>
          <a:off x="14414500" y="100698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3020</xdr:rowOff>
    </xdr:from>
    <xdr:to>
      <xdr:col>85</xdr:col>
      <xdr:colOff>177800</xdr:colOff>
      <xdr:row>60</xdr:row>
      <xdr:rowOff>134620</xdr:rowOff>
    </xdr:to>
    <xdr:sp macro="" textlink="">
      <xdr:nvSpPr>
        <xdr:cNvPr id="541" name="フローチャート: 判断 540">
          <a:extLst>
            <a:ext uri="{FF2B5EF4-FFF2-40B4-BE49-F238E27FC236}">
              <a16:creationId xmlns:a16="http://schemas.microsoft.com/office/drawing/2014/main" id="{8C5B1C97-C101-4E05-934F-D0FBBE29D785}"/>
            </a:ext>
          </a:extLst>
        </xdr:cNvPr>
        <xdr:cNvSpPr/>
      </xdr:nvSpPr>
      <xdr:spPr>
        <a:xfrm>
          <a:off x="14325600" y="1009142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5875</xdr:rowOff>
    </xdr:from>
    <xdr:to>
      <xdr:col>81</xdr:col>
      <xdr:colOff>101600</xdr:colOff>
      <xdr:row>60</xdr:row>
      <xdr:rowOff>117475</xdr:rowOff>
    </xdr:to>
    <xdr:sp macro="" textlink="">
      <xdr:nvSpPr>
        <xdr:cNvPr id="542" name="フローチャート: 判断 541">
          <a:extLst>
            <a:ext uri="{FF2B5EF4-FFF2-40B4-BE49-F238E27FC236}">
              <a16:creationId xmlns:a16="http://schemas.microsoft.com/office/drawing/2014/main" id="{19EE49C3-3A62-4A39-A913-8D0372824E5C}"/>
            </a:ext>
          </a:extLst>
        </xdr:cNvPr>
        <xdr:cNvSpPr/>
      </xdr:nvSpPr>
      <xdr:spPr>
        <a:xfrm>
          <a:off x="13578840" y="1007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42545</xdr:rowOff>
    </xdr:from>
    <xdr:to>
      <xdr:col>76</xdr:col>
      <xdr:colOff>165100</xdr:colOff>
      <xdr:row>60</xdr:row>
      <xdr:rowOff>144145</xdr:rowOff>
    </xdr:to>
    <xdr:sp macro="" textlink="">
      <xdr:nvSpPr>
        <xdr:cNvPr id="543" name="フローチャート: 判断 542">
          <a:extLst>
            <a:ext uri="{FF2B5EF4-FFF2-40B4-BE49-F238E27FC236}">
              <a16:creationId xmlns:a16="http://schemas.microsoft.com/office/drawing/2014/main" id="{E0AFC5D9-A1F5-4ECE-843D-828AEEEDE61B}"/>
            </a:ext>
          </a:extLst>
        </xdr:cNvPr>
        <xdr:cNvSpPr/>
      </xdr:nvSpPr>
      <xdr:spPr>
        <a:xfrm>
          <a:off x="12804140" y="10100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8745</xdr:rowOff>
    </xdr:from>
    <xdr:to>
      <xdr:col>72</xdr:col>
      <xdr:colOff>38100</xdr:colOff>
      <xdr:row>60</xdr:row>
      <xdr:rowOff>48895</xdr:rowOff>
    </xdr:to>
    <xdr:sp macro="" textlink="">
      <xdr:nvSpPr>
        <xdr:cNvPr id="544" name="フローチャート: 判断 543">
          <a:extLst>
            <a:ext uri="{FF2B5EF4-FFF2-40B4-BE49-F238E27FC236}">
              <a16:creationId xmlns:a16="http://schemas.microsoft.com/office/drawing/2014/main" id="{1535CA51-4364-430F-AC41-DA7E2AB66691}"/>
            </a:ext>
          </a:extLst>
        </xdr:cNvPr>
        <xdr:cNvSpPr/>
      </xdr:nvSpPr>
      <xdr:spPr>
        <a:xfrm>
          <a:off x="12029440" y="1000950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2080</xdr:rowOff>
    </xdr:from>
    <xdr:to>
      <xdr:col>67</xdr:col>
      <xdr:colOff>101600</xdr:colOff>
      <xdr:row>60</xdr:row>
      <xdr:rowOff>62230</xdr:rowOff>
    </xdr:to>
    <xdr:sp macro="" textlink="">
      <xdr:nvSpPr>
        <xdr:cNvPr id="545" name="フローチャート: 判断 544">
          <a:extLst>
            <a:ext uri="{FF2B5EF4-FFF2-40B4-BE49-F238E27FC236}">
              <a16:creationId xmlns:a16="http://schemas.microsoft.com/office/drawing/2014/main" id="{B5127E47-6B8D-4F79-8F9C-F62B9185E4AF}"/>
            </a:ext>
          </a:extLst>
        </xdr:cNvPr>
        <xdr:cNvSpPr/>
      </xdr:nvSpPr>
      <xdr:spPr>
        <a:xfrm>
          <a:off x="11231880" y="100228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CE001B38-D88E-4D1D-BC1F-19FC9C2772C5}"/>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F7788815-D7CA-458B-9465-728920455774}"/>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852A9EEA-D853-4965-8DE2-DD6CC5154E91}"/>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9" name="テキスト ボックス 548">
          <a:extLst>
            <a:ext uri="{FF2B5EF4-FFF2-40B4-BE49-F238E27FC236}">
              <a16:creationId xmlns:a16="http://schemas.microsoft.com/office/drawing/2014/main" id="{BB6A88A1-F045-441F-8006-41EFD4BFCE2F}"/>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0" name="テキスト ボックス 549">
          <a:extLst>
            <a:ext uri="{FF2B5EF4-FFF2-40B4-BE49-F238E27FC236}">
              <a16:creationId xmlns:a16="http://schemas.microsoft.com/office/drawing/2014/main" id="{F9CAD87F-E0F7-484A-8093-F85EAE7BA5DC}"/>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3030</xdr:rowOff>
    </xdr:from>
    <xdr:to>
      <xdr:col>85</xdr:col>
      <xdr:colOff>177800</xdr:colOff>
      <xdr:row>57</xdr:row>
      <xdr:rowOff>43180</xdr:rowOff>
    </xdr:to>
    <xdr:sp macro="" textlink="">
      <xdr:nvSpPr>
        <xdr:cNvPr id="551" name="楕円 550">
          <a:extLst>
            <a:ext uri="{FF2B5EF4-FFF2-40B4-BE49-F238E27FC236}">
              <a16:creationId xmlns:a16="http://schemas.microsoft.com/office/drawing/2014/main" id="{C0D8325B-030A-4AC6-B741-DF6582043AE3}"/>
            </a:ext>
          </a:extLst>
        </xdr:cNvPr>
        <xdr:cNvSpPr/>
      </xdr:nvSpPr>
      <xdr:spPr>
        <a:xfrm>
          <a:off x="14325600" y="950087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27957</xdr:rowOff>
    </xdr:from>
    <xdr:ext cx="405111" cy="259045"/>
    <xdr:sp macro="" textlink="">
      <xdr:nvSpPr>
        <xdr:cNvPr id="552" name="【学校施設】&#10;有形固定資産減価償却率該当値テキスト">
          <a:extLst>
            <a:ext uri="{FF2B5EF4-FFF2-40B4-BE49-F238E27FC236}">
              <a16:creationId xmlns:a16="http://schemas.microsoft.com/office/drawing/2014/main" id="{9BE2D8D5-43D9-4AB9-89A2-792F540806D1}"/>
            </a:ext>
          </a:extLst>
        </xdr:cNvPr>
        <xdr:cNvSpPr txBox="1"/>
      </xdr:nvSpPr>
      <xdr:spPr>
        <a:xfrm>
          <a:off x="14414500" y="9415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05410</xdr:rowOff>
    </xdr:from>
    <xdr:to>
      <xdr:col>81</xdr:col>
      <xdr:colOff>101600</xdr:colOff>
      <xdr:row>61</xdr:row>
      <xdr:rowOff>35560</xdr:rowOff>
    </xdr:to>
    <xdr:sp macro="" textlink="">
      <xdr:nvSpPr>
        <xdr:cNvPr id="553" name="楕円 552">
          <a:extLst>
            <a:ext uri="{FF2B5EF4-FFF2-40B4-BE49-F238E27FC236}">
              <a16:creationId xmlns:a16="http://schemas.microsoft.com/office/drawing/2014/main" id="{8943863B-0471-4E44-B849-9CCB649A9013}"/>
            </a:ext>
          </a:extLst>
        </xdr:cNvPr>
        <xdr:cNvSpPr/>
      </xdr:nvSpPr>
      <xdr:spPr>
        <a:xfrm>
          <a:off x="13578840" y="101638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63830</xdr:rowOff>
    </xdr:from>
    <xdr:to>
      <xdr:col>85</xdr:col>
      <xdr:colOff>127000</xdr:colOff>
      <xdr:row>60</xdr:row>
      <xdr:rowOff>156210</xdr:rowOff>
    </xdr:to>
    <xdr:cxnSp macro="">
      <xdr:nvCxnSpPr>
        <xdr:cNvPr id="554" name="直線コネクタ 553">
          <a:extLst>
            <a:ext uri="{FF2B5EF4-FFF2-40B4-BE49-F238E27FC236}">
              <a16:creationId xmlns:a16="http://schemas.microsoft.com/office/drawing/2014/main" id="{012899FD-8105-4A4F-A577-BB4183FA8A16}"/>
            </a:ext>
          </a:extLst>
        </xdr:cNvPr>
        <xdr:cNvCxnSpPr/>
      </xdr:nvCxnSpPr>
      <xdr:spPr>
        <a:xfrm flipV="1">
          <a:off x="13629640" y="9551670"/>
          <a:ext cx="746760" cy="662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8255</xdr:rowOff>
    </xdr:from>
    <xdr:to>
      <xdr:col>76</xdr:col>
      <xdr:colOff>165100</xdr:colOff>
      <xdr:row>62</xdr:row>
      <xdr:rowOff>109855</xdr:rowOff>
    </xdr:to>
    <xdr:sp macro="" textlink="">
      <xdr:nvSpPr>
        <xdr:cNvPr id="555" name="楕円 554">
          <a:extLst>
            <a:ext uri="{FF2B5EF4-FFF2-40B4-BE49-F238E27FC236}">
              <a16:creationId xmlns:a16="http://schemas.microsoft.com/office/drawing/2014/main" id="{6FCF95E7-6078-4611-8B3C-65B54FCCC9DF}"/>
            </a:ext>
          </a:extLst>
        </xdr:cNvPr>
        <xdr:cNvSpPr/>
      </xdr:nvSpPr>
      <xdr:spPr>
        <a:xfrm>
          <a:off x="12804140" y="10401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56210</xdr:rowOff>
    </xdr:from>
    <xdr:to>
      <xdr:col>81</xdr:col>
      <xdr:colOff>50800</xdr:colOff>
      <xdr:row>62</xdr:row>
      <xdr:rowOff>59055</xdr:rowOff>
    </xdr:to>
    <xdr:cxnSp macro="">
      <xdr:nvCxnSpPr>
        <xdr:cNvPr id="556" name="直線コネクタ 555">
          <a:extLst>
            <a:ext uri="{FF2B5EF4-FFF2-40B4-BE49-F238E27FC236}">
              <a16:creationId xmlns:a16="http://schemas.microsoft.com/office/drawing/2014/main" id="{F7235E0A-1DBD-4A2D-A326-A7457135918E}"/>
            </a:ext>
          </a:extLst>
        </xdr:cNvPr>
        <xdr:cNvCxnSpPr/>
      </xdr:nvCxnSpPr>
      <xdr:spPr>
        <a:xfrm flipV="1">
          <a:off x="12854940" y="10214610"/>
          <a:ext cx="774700" cy="238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62560</xdr:rowOff>
    </xdr:from>
    <xdr:to>
      <xdr:col>72</xdr:col>
      <xdr:colOff>38100</xdr:colOff>
      <xdr:row>62</xdr:row>
      <xdr:rowOff>92710</xdr:rowOff>
    </xdr:to>
    <xdr:sp macro="" textlink="">
      <xdr:nvSpPr>
        <xdr:cNvPr id="557" name="楕円 556">
          <a:extLst>
            <a:ext uri="{FF2B5EF4-FFF2-40B4-BE49-F238E27FC236}">
              <a16:creationId xmlns:a16="http://schemas.microsoft.com/office/drawing/2014/main" id="{6B5CCDA3-BB96-4668-AFE6-1922FA2210A6}"/>
            </a:ext>
          </a:extLst>
        </xdr:cNvPr>
        <xdr:cNvSpPr/>
      </xdr:nvSpPr>
      <xdr:spPr>
        <a:xfrm>
          <a:off x="12029440" y="103886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41910</xdr:rowOff>
    </xdr:from>
    <xdr:to>
      <xdr:col>76</xdr:col>
      <xdr:colOff>114300</xdr:colOff>
      <xdr:row>62</xdr:row>
      <xdr:rowOff>59055</xdr:rowOff>
    </xdr:to>
    <xdr:cxnSp macro="">
      <xdr:nvCxnSpPr>
        <xdr:cNvPr id="558" name="直線コネクタ 557">
          <a:extLst>
            <a:ext uri="{FF2B5EF4-FFF2-40B4-BE49-F238E27FC236}">
              <a16:creationId xmlns:a16="http://schemas.microsoft.com/office/drawing/2014/main" id="{A5EBD45E-B103-40DD-AC51-CCC6272018CA}"/>
            </a:ext>
          </a:extLst>
        </xdr:cNvPr>
        <xdr:cNvCxnSpPr/>
      </xdr:nvCxnSpPr>
      <xdr:spPr>
        <a:xfrm>
          <a:off x="12072620" y="10435590"/>
          <a:ext cx="78232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126365</xdr:rowOff>
    </xdr:from>
    <xdr:to>
      <xdr:col>67</xdr:col>
      <xdr:colOff>101600</xdr:colOff>
      <xdr:row>62</xdr:row>
      <xdr:rowOff>56515</xdr:rowOff>
    </xdr:to>
    <xdr:sp macro="" textlink="">
      <xdr:nvSpPr>
        <xdr:cNvPr id="559" name="楕円 558">
          <a:extLst>
            <a:ext uri="{FF2B5EF4-FFF2-40B4-BE49-F238E27FC236}">
              <a16:creationId xmlns:a16="http://schemas.microsoft.com/office/drawing/2014/main" id="{652073CB-75AB-4CA9-9A19-31E42899714F}"/>
            </a:ext>
          </a:extLst>
        </xdr:cNvPr>
        <xdr:cNvSpPr/>
      </xdr:nvSpPr>
      <xdr:spPr>
        <a:xfrm>
          <a:off x="11231880" y="1035240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5715</xdr:rowOff>
    </xdr:from>
    <xdr:to>
      <xdr:col>71</xdr:col>
      <xdr:colOff>177800</xdr:colOff>
      <xdr:row>62</xdr:row>
      <xdr:rowOff>41910</xdr:rowOff>
    </xdr:to>
    <xdr:cxnSp macro="">
      <xdr:nvCxnSpPr>
        <xdr:cNvPr id="560" name="直線コネクタ 559">
          <a:extLst>
            <a:ext uri="{FF2B5EF4-FFF2-40B4-BE49-F238E27FC236}">
              <a16:creationId xmlns:a16="http://schemas.microsoft.com/office/drawing/2014/main" id="{1565D719-44DD-45A5-A166-E55381126F21}"/>
            </a:ext>
          </a:extLst>
        </xdr:cNvPr>
        <xdr:cNvCxnSpPr/>
      </xdr:nvCxnSpPr>
      <xdr:spPr>
        <a:xfrm>
          <a:off x="11282680" y="10399395"/>
          <a:ext cx="78994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34002</xdr:rowOff>
    </xdr:from>
    <xdr:ext cx="405111" cy="259045"/>
    <xdr:sp macro="" textlink="">
      <xdr:nvSpPr>
        <xdr:cNvPr id="561" name="n_1aveValue【学校施設】&#10;有形固定資産減価償却率">
          <a:extLst>
            <a:ext uri="{FF2B5EF4-FFF2-40B4-BE49-F238E27FC236}">
              <a16:creationId xmlns:a16="http://schemas.microsoft.com/office/drawing/2014/main" id="{967FF232-415F-406C-8979-F2943DA3CC23}"/>
            </a:ext>
          </a:extLst>
        </xdr:cNvPr>
        <xdr:cNvSpPr txBox="1"/>
      </xdr:nvSpPr>
      <xdr:spPr>
        <a:xfrm>
          <a:off x="13437244" y="985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60672</xdr:rowOff>
    </xdr:from>
    <xdr:ext cx="405111" cy="259045"/>
    <xdr:sp macro="" textlink="">
      <xdr:nvSpPr>
        <xdr:cNvPr id="562" name="n_2aveValue【学校施設】&#10;有形固定資産減価償却率">
          <a:extLst>
            <a:ext uri="{FF2B5EF4-FFF2-40B4-BE49-F238E27FC236}">
              <a16:creationId xmlns:a16="http://schemas.microsoft.com/office/drawing/2014/main" id="{6720CED2-CE30-425D-9316-51513F80FB9C}"/>
            </a:ext>
          </a:extLst>
        </xdr:cNvPr>
        <xdr:cNvSpPr txBox="1"/>
      </xdr:nvSpPr>
      <xdr:spPr>
        <a:xfrm>
          <a:off x="12675244" y="9883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5422</xdr:rowOff>
    </xdr:from>
    <xdr:ext cx="405111" cy="259045"/>
    <xdr:sp macro="" textlink="">
      <xdr:nvSpPr>
        <xdr:cNvPr id="563" name="n_3aveValue【学校施設】&#10;有形固定資産減価償却率">
          <a:extLst>
            <a:ext uri="{FF2B5EF4-FFF2-40B4-BE49-F238E27FC236}">
              <a16:creationId xmlns:a16="http://schemas.microsoft.com/office/drawing/2014/main" id="{18D656EC-8D29-4AD0-9289-A63F6132E904}"/>
            </a:ext>
          </a:extLst>
        </xdr:cNvPr>
        <xdr:cNvSpPr txBox="1"/>
      </xdr:nvSpPr>
      <xdr:spPr>
        <a:xfrm>
          <a:off x="11900544" y="978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78757</xdr:rowOff>
    </xdr:from>
    <xdr:ext cx="405111" cy="259045"/>
    <xdr:sp macro="" textlink="">
      <xdr:nvSpPr>
        <xdr:cNvPr id="564" name="n_4aveValue【学校施設】&#10;有形固定資産減価償却率">
          <a:extLst>
            <a:ext uri="{FF2B5EF4-FFF2-40B4-BE49-F238E27FC236}">
              <a16:creationId xmlns:a16="http://schemas.microsoft.com/office/drawing/2014/main" id="{2EFD2068-6ADC-4039-A6AA-9B52457754E0}"/>
            </a:ext>
          </a:extLst>
        </xdr:cNvPr>
        <xdr:cNvSpPr txBox="1"/>
      </xdr:nvSpPr>
      <xdr:spPr>
        <a:xfrm>
          <a:off x="11102984" y="980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26687</xdr:rowOff>
    </xdr:from>
    <xdr:ext cx="405111" cy="259045"/>
    <xdr:sp macro="" textlink="">
      <xdr:nvSpPr>
        <xdr:cNvPr id="565" name="n_1mainValue【学校施設】&#10;有形固定資産減価償却率">
          <a:extLst>
            <a:ext uri="{FF2B5EF4-FFF2-40B4-BE49-F238E27FC236}">
              <a16:creationId xmlns:a16="http://schemas.microsoft.com/office/drawing/2014/main" id="{55D23EB6-DD7A-48CF-966D-363157A3751E}"/>
            </a:ext>
          </a:extLst>
        </xdr:cNvPr>
        <xdr:cNvSpPr txBox="1"/>
      </xdr:nvSpPr>
      <xdr:spPr>
        <a:xfrm>
          <a:off x="13437244" y="1025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00982</xdr:rowOff>
    </xdr:from>
    <xdr:ext cx="405111" cy="259045"/>
    <xdr:sp macro="" textlink="">
      <xdr:nvSpPr>
        <xdr:cNvPr id="566" name="n_2mainValue【学校施設】&#10;有形固定資産減価償却率">
          <a:extLst>
            <a:ext uri="{FF2B5EF4-FFF2-40B4-BE49-F238E27FC236}">
              <a16:creationId xmlns:a16="http://schemas.microsoft.com/office/drawing/2014/main" id="{7C0D4B03-A5A5-4CAF-8E38-33AB6042B240}"/>
            </a:ext>
          </a:extLst>
        </xdr:cNvPr>
        <xdr:cNvSpPr txBox="1"/>
      </xdr:nvSpPr>
      <xdr:spPr>
        <a:xfrm>
          <a:off x="12675244" y="10494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83837</xdr:rowOff>
    </xdr:from>
    <xdr:ext cx="405111" cy="259045"/>
    <xdr:sp macro="" textlink="">
      <xdr:nvSpPr>
        <xdr:cNvPr id="567" name="n_3mainValue【学校施設】&#10;有形固定資産減価償却率">
          <a:extLst>
            <a:ext uri="{FF2B5EF4-FFF2-40B4-BE49-F238E27FC236}">
              <a16:creationId xmlns:a16="http://schemas.microsoft.com/office/drawing/2014/main" id="{47CD1508-F358-403C-AC2F-55F75343E234}"/>
            </a:ext>
          </a:extLst>
        </xdr:cNvPr>
        <xdr:cNvSpPr txBox="1"/>
      </xdr:nvSpPr>
      <xdr:spPr>
        <a:xfrm>
          <a:off x="11900544" y="1047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47642</xdr:rowOff>
    </xdr:from>
    <xdr:ext cx="405111" cy="259045"/>
    <xdr:sp macro="" textlink="">
      <xdr:nvSpPr>
        <xdr:cNvPr id="568" name="n_4mainValue【学校施設】&#10;有形固定資産減価償却率">
          <a:extLst>
            <a:ext uri="{FF2B5EF4-FFF2-40B4-BE49-F238E27FC236}">
              <a16:creationId xmlns:a16="http://schemas.microsoft.com/office/drawing/2014/main" id="{80F365DE-099E-4509-9092-5E36C543BA11}"/>
            </a:ext>
          </a:extLst>
        </xdr:cNvPr>
        <xdr:cNvSpPr txBox="1"/>
      </xdr:nvSpPr>
      <xdr:spPr>
        <a:xfrm>
          <a:off x="11102984" y="1044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9" name="正方形/長方形 568">
          <a:extLst>
            <a:ext uri="{FF2B5EF4-FFF2-40B4-BE49-F238E27FC236}">
              <a16:creationId xmlns:a16="http://schemas.microsoft.com/office/drawing/2014/main" id="{8A9DEDAB-5113-4E4C-8E72-C0C09984755C}"/>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0" name="正方形/長方形 569">
          <a:extLst>
            <a:ext uri="{FF2B5EF4-FFF2-40B4-BE49-F238E27FC236}">
              <a16:creationId xmlns:a16="http://schemas.microsoft.com/office/drawing/2014/main" id="{ACDEE738-05D5-445C-BD28-7D0F80329A74}"/>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1" name="正方形/長方形 570">
          <a:extLst>
            <a:ext uri="{FF2B5EF4-FFF2-40B4-BE49-F238E27FC236}">
              <a16:creationId xmlns:a16="http://schemas.microsoft.com/office/drawing/2014/main" id="{56A749EE-0049-49A1-848F-BD521D105F73}"/>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2" name="正方形/長方形 571">
          <a:extLst>
            <a:ext uri="{FF2B5EF4-FFF2-40B4-BE49-F238E27FC236}">
              <a16:creationId xmlns:a16="http://schemas.microsoft.com/office/drawing/2014/main" id="{2E06FB68-3936-472F-939E-0A0CB6B3CAF6}"/>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3" name="正方形/長方形 572">
          <a:extLst>
            <a:ext uri="{FF2B5EF4-FFF2-40B4-BE49-F238E27FC236}">
              <a16:creationId xmlns:a16="http://schemas.microsoft.com/office/drawing/2014/main" id="{A3498392-5C7C-493A-8BE4-9E77B4E7FC45}"/>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4" name="正方形/長方形 573">
          <a:extLst>
            <a:ext uri="{FF2B5EF4-FFF2-40B4-BE49-F238E27FC236}">
              <a16:creationId xmlns:a16="http://schemas.microsoft.com/office/drawing/2014/main" id="{242C4508-85EB-4B0F-BC06-35CF518775C7}"/>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5" name="正方形/長方形 574">
          <a:extLst>
            <a:ext uri="{FF2B5EF4-FFF2-40B4-BE49-F238E27FC236}">
              <a16:creationId xmlns:a16="http://schemas.microsoft.com/office/drawing/2014/main" id="{9C01C163-C115-437E-89E9-EF37EA3CF6F2}"/>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6" name="正方形/長方形 575">
          <a:extLst>
            <a:ext uri="{FF2B5EF4-FFF2-40B4-BE49-F238E27FC236}">
              <a16:creationId xmlns:a16="http://schemas.microsoft.com/office/drawing/2014/main" id="{5E7D443A-F1F4-4943-83B5-E89FF7BBB369}"/>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7" name="テキスト ボックス 576">
          <a:extLst>
            <a:ext uri="{FF2B5EF4-FFF2-40B4-BE49-F238E27FC236}">
              <a16:creationId xmlns:a16="http://schemas.microsoft.com/office/drawing/2014/main" id="{2639F4CF-4961-46A9-B69F-3985E1399032}"/>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8" name="直線コネクタ 577">
          <a:extLst>
            <a:ext uri="{FF2B5EF4-FFF2-40B4-BE49-F238E27FC236}">
              <a16:creationId xmlns:a16="http://schemas.microsoft.com/office/drawing/2014/main" id="{5EE70F81-CFBE-49C8-8D4F-073BCBE96037}"/>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9" name="テキスト ボックス 578">
          <a:extLst>
            <a:ext uri="{FF2B5EF4-FFF2-40B4-BE49-F238E27FC236}">
              <a16:creationId xmlns:a16="http://schemas.microsoft.com/office/drawing/2014/main" id="{D7D1B481-0267-494C-BFA5-0C4081E9B9FD}"/>
            </a:ext>
          </a:extLst>
        </xdr:cNvPr>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80" name="直線コネクタ 579">
          <a:extLst>
            <a:ext uri="{FF2B5EF4-FFF2-40B4-BE49-F238E27FC236}">
              <a16:creationId xmlns:a16="http://schemas.microsoft.com/office/drawing/2014/main" id="{CBF16B59-821C-4971-B697-D4B58BCE9CB8}"/>
            </a:ext>
          </a:extLst>
        </xdr:cNvPr>
        <xdr:cNvCxnSpPr/>
      </xdr:nvCxnSpPr>
      <xdr:spPr>
        <a:xfrm>
          <a:off x="1609344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81" name="テキスト ボックス 580">
          <a:extLst>
            <a:ext uri="{FF2B5EF4-FFF2-40B4-BE49-F238E27FC236}">
              <a16:creationId xmlns:a16="http://schemas.microsoft.com/office/drawing/2014/main" id="{308AE8F1-CB65-4586-88CB-83B20FA479A4}"/>
            </a:ext>
          </a:extLst>
        </xdr:cNvPr>
        <xdr:cNvSpPr txBox="1"/>
      </xdr:nvSpPr>
      <xdr:spPr>
        <a:xfrm>
          <a:off x="15694841" y="10590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82" name="直線コネクタ 581">
          <a:extLst>
            <a:ext uri="{FF2B5EF4-FFF2-40B4-BE49-F238E27FC236}">
              <a16:creationId xmlns:a16="http://schemas.microsoft.com/office/drawing/2014/main" id="{DF4B31BA-AD41-4FD2-A6AE-CE6B1C62DAE2}"/>
            </a:ext>
          </a:extLst>
        </xdr:cNvPr>
        <xdr:cNvCxnSpPr/>
      </xdr:nvCxnSpPr>
      <xdr:spPr>
        <a:xfrm>
          <a:off x="1609344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3" name="テキスト ボックス 582">
          <a:extLst>
            <a:ext uri="{FF2B5EF4-FFF2-40B4-BE49-F238E27FC236}">
              <a16:creationId xmlns:a16="http://schemas.microsoft.com/office/drawing/2014/main" id="{9D2C5133-DE24-4C2F-864E-F4FB9C425020}"/>
            </a:ext>
          </a:extLst>
        </xdr:cNvPr>
        <xdr:cNvSpPr txBox="1"/>
      </xdr:nvSpPr>
      <xdr:spPr>
        <a:xfrm>
          <a:off x="1569484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4" name="直線コネクタ 583">
          <a:extLst>
            <a:ext uri="{FF2B5EF4-FFF2-40B4-BE49-F238E27FC236}">
              <a16:creationId xmlns:a16="http://schemas.microsoft.com/office/drawing/2014/main" id="{BF1CF67A-953F-4D4D-A73A-555D38920F08}"/>
            </a:ext>
          </a:extLst>
        </xdr:cNvPr>
        <xdr:cNvCxnSpPr/>
      </xdr:nvCxnSpPr>
      <xdr:spPr>
        <a:xfrm>
          <a:off x="1609344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5" name="テキスト ボックス 584">
          <a:extLst>
            <a:ext uri="{FF2B5EF4-FFF2-40B4-BE49-F238E27FC236}">
              <a16:creationId xmlns:a16="http://schemas.microsoft.com/office/drawing/2014/main" id="{B2C9D98D-1E02-4772-939D-B5D0DCBA4AD6}"/>
            </a:ext>
          </a:extLst>
        </xdr:cNvPr>
        <xdr:cNvSpPr txBox="1"/>
      </xdr:nvSpPr>
      <xdr:spPr>
        <a:xfrm>
          <a:off x="15694841" y="96990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6" name="直線コネクタ 585">
          <a:extLst>
            <a:ext uri="{FF2B5EF4-FFF2-40B4-BE49-F238E27FC236}">
              <a16:creationId xmlns:a16="http://schemas.microsoft.com/office/drawing/2014/main" id="{4918D2C2-E4BF-4AEB-BFA4-012ED2E89359}"/>
            </a:ext>
          </a:extLst>
        </xdr:cNvPr>
        <xdr:cNvCxnSpPr/>
      </xdr:nvCxnSpPr>
      <xdr:spPr>
        <a:xfrm>
          <a:off x="1609344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7" name="テキスト ボックス 586">
          <a:extLst>
            <a:ext uri="{FF2B5EF4-FFF2-40B4-BE49-F238E27FC236}">
              <a16:creationId xmlns:a16="http://schemas.microsoft.com/office/drawing/2014/main" id="{839A43C6-8024-495F-8C27-6C4EBF4F46E5}"/>
            </a:ext>
          </a:extLst>
        </xdr:cNvPr>
        <xdr:cNvSpPr txBox="1"/>
      </xdr:nvSpPr>
      <xdr:spPr>
        <a:xfrm>
          <a:off x="15694841" y="9249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8" name="直線コネクタ 587">
          <a:extLst>
            <a:ext uri="{FF2B5EF4-FFF2-40B4-BE49-F238E27FC236}">
              <a16:creationId xmlns:a16="http://schemas.microsoft.com/office/drawing/2014/main" id="{E2A3E464-786C-40EA-B15E-9783E759F9CF}"/>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9" name="テキスト ボックス 588">
          <a:extLst>
            <a:ext uri="{FF2B5EF4-FFF2-40B4-BE49-F238E27FC236}">
              <a16:creationId xmlns:a16="http://schemas.microsoft.com/office/drawing/2014/main" id="{EF030C38-4C03-4DAF-A09C-71087A326433}"/>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0" name="【学校施設】&#10;一人当たり面積グラフ枠">
          <a:extLst>
            <a:ext uri="{FF2B5EF4-FFF2-40B4-BE49-F238E27FC236}">
              <a16:creationId xmlns:a16="http://schemas.microsoft.com/office/drawing/2014/main" id="{D95775DE-D9A0-476B-AE89-8D3BD6F32BFF}"/>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07442</xdr:rowOff>
    </xdr:from>
    <xdr:to>
      <xdr:col>116</xdr:col>
      <xdr:colOff>62864</xdr:colOff>
      <xdr:row>63</xdr:row>
      <xdr:rowOff>123901</xdr:rowOff>
    </xdr:to>
    <xdr:cxnSp macro="">
      <xdr:nvCxnSpPr>
        <xdr:cNvPr id="591" name="直線コネクタ 590">
          <a:extLst>
            <a:ext uri="{FF2B5EF4-FFF2-40B4-BE49-F238E27FC236}">
              <a16:creationId xmlns:a16="http://schemas.microsoft.com/office/drawing/2014/main" id="{69CB52AC-C565-4D64-ACF8-68AA3590B622}"/>
            </a:ext>
          </a:extLst>
        </xdr:cNvPr>
        <xdr:cNvCxnSpPr/>
      </xdr:nvCxnSpPr>
      <xdr:spPr>
        <a:xfrm flipV="1">
          <a:off x="19509104" y="9327642"/>
          <a:ext cx="0" cy="1357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7728</xdr:rowOff>
    </xdr:from>
    <xdr:ext cx="469744" cy="259045"/>
    <xdr:sp macro="" textlink="">
      <xdr:nvSpPr>
        <xdr:cNvPr id="592" name="【学校施設】&#10;一人当たり面積最小値テキスト">
          <a:extLst>
            <a:ext uri="{FF2B5EF4-FFF2-40B4-BE49-F238E27FC236}">
              <a16:creationId xmlns:a16="http://schemas.microsoft.com/office/drawing/2014/main" id="{3AF0D5C4-2596-4239-891D-13867CCDAA3F}"/>
            </a:ext>
          </a:extLst>
        </xdr:cNvPr>
        <xdr:cNvSpPr txBox="1"/>
      </xdr:nvSpPr>
      <xdr:spPr>
        <a:xfrm>
          <a:off x="19547840" y="10689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3901</xdr:rowOff>
    </xdr:from>
    <xdr:to>
      <xdr:col>116</xdr:col>
      <xdr:colOff>152400</xdr:colOff>
      <xdr:row>63</xdr:row>
      <xdr:rowOff>123901</xdr:rowOff>
    </xdr:to>
    <xdr:cxnSp macro="">
      <xdr:nvCxnSpPr>
        <xdr:cNvPr id="593" name="直線コネクタ 592">
          <a:extLst>
            <a:ext uri="{FF2B5EF4-FFF2-40B4-BE49-F238E27FC236}">
              <a16:creationId xmlns:a16="http://schemas.microsoft.com/office/drawing/2014/main" id="{C17BA0D8-6145-4F62-8F1E-1C60CADA0441}"/>
            </a:ext>
          </a:extLst>
        </xdr:cNvPr>
        <xdr:cNvCxnSpPr/>
      </xdr:nvCxnSpPr>
      <xdr:spPr>
        <a:xfrm>
          <a:off x="19443700" y="1068522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54119</xdr:rowOff>
    </xdr:from>
    <xdr:ext cx="469744" cy="259045"/>
    <xdr:sp macro="" textlink="">
      <xdr:nvSpPr>
        <xdr:cNvPr id="594" name="【学校施設】&#10;一人当たり面積最大値テキスト">
          <a:extLst>
            <a:ext uri="{FF2B5EF4-FFF2-40B4-BE49-F238E27FC236}">
              <a16:creationId xmlns:a16="http://schemas.microsoft.com/office/drawing/2014/main" id="{3878853A-C005-41E5-9ADB-A087524A264B}"/>
            </a:ext>
          </a:extLst>
        </xdr:cNvPr>
        <xdr:cNvSpPr txBox="1"/>
      </xdr:nvSpPr>
      <xdr:spPr>
        <a:xfrm>
          <a:off x="19547840" y="9106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07442</xdr:rowOff>
    </xdr:from>
    <xdr:to>
      <xdr:col>116</xdr:col>
      <xdr:colOff>152400</xdr:colOff>
      <xdr:row>55</xdr:row>
      <xdr:rowOff>107442</xdr:rowOff>
    </xdr:to>
    <xdr:cxnSp macro="">
      <xdr:nvCxnSpPr>
        <xdr:cNvPr id="595" name="直線コネクタ 594">
          <a:extLst>
            <a:ext uri="{FF2B5EF4-FFF2-40B4-BE49-F238E27FC236}">
              <a16:creationId xmlns:a16="http://schemas.microsoft.com/office/drawing/2014/main" id="{6FB65246-C2DC-40C6-AEE1-186662D00305}"/>
            </a:ext>
          </a:extLst>
        </xdr:cNvPr>
        <xdr:cNvCxnSpPr/>
      </xdr:nvCxnSpPr>
      <xdr:spPr>
        <a:xfrm>
          <a:off x="19443700" y="93276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46728</xdr:rowOff>
    </xdr:from>
    <xdr:ext cx="469744" cy="259045"/>
    <xdr:sp macro="" textlink="">
      <xdr:nvSpPr>
        <xdr:cNvPr id="596" name="【学校施設】&#10;一人当たり面積平均値テキスト">
          <a:extLst>
            <a:ext uri="{FF2B5EF4-FFF2-40B4-BE49-F238E27FC236}">
              <a16:creationId xmlns:a16="http://schemas.microsoft.com/office/drawing/2014/main" id="{02EE1A05-0B1D-43EB-984C-EC95B65F3D05}"/>
            </a:ext>
          </a:extLst>
        </xdr:cNvPr>
        <xdr:cNvSpPr txBox="1"/>
      </xdr:nvSpPr>
      <xdr:spPr>
        <a:xfrm>
          <a:off x="19547840" y="100374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23851</xdr:rowOff>
    </xdr:from>
    <xdr:to>
      <xdr:col>116</xdr:col>
      <xdr:colOff>114300</xdr:colOff>
      <xdr:row>61</xdr:row>
      <xdr:rowOff>54001</xdr:rowOff>
    </xdr:to>
    <xdr:sp macro="" textlink="">
      <xdr:nvSpPr>
        <xdr:cNvPr id="597" name="フローチャート: 判断 596">
          <a:extLst>
            <a:ext uri="{FF2B5EF4-FFF2-40B4-BE49-F238E27FC236}">
              <a16:creationId xmlns:a16="http://schemas.microsoft.com/office/drawing/2014/main" id="{327CCEC2-45DD-4827-A0CB-E2607ECC3011}"/>
            </a:ext>
          </a:extLst>
        </xdr:cNvPr>
        <xdr:cNvSpPr/>
      </xdr:nvSpPr>
      <xdr:spPr>
        <a:xfrm>
          <a:off x="19458940" y="1018225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23851</xdr:rowOff>
    </xdr:from>
    <xdr:to>
      <xdr:col>112</xdr:col>
      <xdr:colOff>38100</xdr:colOff>
      <xdr:row>61</xdr:row>
      <xdr:rowOff>54001</xdr:rowOff>
    </xdr:to>
    <xdr:sp macro="" textlink="">
      <xdr:nvSpPr>
        <xdr:cNvPr id="598" name="フローチャート: 判断 597">
          <a:extLst>
            <a:ext uri="{FF2B5EF4-FFF2-40B4-BE49-F238E27FC236}">
              <a16:creationId xmlns:a16="http://schemas.microsoft.com/office/drawing/2014/main" id="{C2099FDB-55DB-4C10-822A-EEFC5C9A8AB0}"/>
            </a:ext>
          </a:extLst>
        </xdr:cNvPr>
        <xdr:cNvSpPr/>
      </xdr:nvSpPr>
      <xdr:spPr>
        <a:xfrm>
          <a:off x="18735040" y="1018225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2994</xdr:rowOff>
    </xdr:from>
    <xdr:to>
      <xdr:col>107</xdr:col>
      <xdr:colOff>101600</xdr:colOff>
      <xdr:row>61</xdr:row>
      <xdr:rowOff>63144</xdr:rowOff>
    </xdr:to>
    <xdr:sp macro="" textlink="">
      <xdr:nvSpPr>
        <xdr:cNvPr id="599" name="フローチャート: 判断 598">
          <a:extLst>
            <a:ext uri="{FF2B5EF4-FFF2-40B4-BE49-F238E27FC236}">
              <a16:creationId xmlns:a16="http://schemas.microsoft.com/office/drawing/2014/main" id="{CBD647BD-D148-4E90-9F24-CA415C0DD951}"/>
            </a:ext>
          </a:extLst>
        </xdr:cNvPr>
        <xdr:cNvSpPr/>
      </xdr:nvSpPr>
      <xdr:spPr>
        <a:xfrm>
          <a:off x="17937480" y="1019139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1836</xdr:rowOff>
    </xdr:from>
    <xdr:to>
      <xdr:col>102</xdr:col>
      <xdr:colOff>165100</xdr:colOff>
      <xdr:row>61</xdr:row>
      <xdr:rowOff>113436</xdr:rowOff>
    </xdr:to>
    <xdr:sp macro="" textlink="">
      <xdr:nvSpPr>
        <xdr:cNvPr id="600" name="フローチャート: 判断 599">
          <a:extLst>
            <a:ext uri="{FF2B5EF4-FFF2-40B4-BE49-F238E27FC236}">
              <a16:creationId xmlns:a16="http://schemas.microsoft.com/office/drawing/2014/main" id="{B29C4E17-78AE-4FE7-9895-1644E84C3B89}"/>
            </a:ext>
          </a:extLst>
        </xdr:cNvPr>
        <xdr:cNvSpPr/>
      </xdr:nvSpPr>
      <xdr:spPr>
        <a:xfrm>
          <a:off x="17162780" y="10237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53442</xdr:rowOff>
    </xdr:from>
    <xdr:to>
      <xdr:col>98</xdr:col>
      <xdr:colOff>38100</xdr:colOff>
      <xdr:row>61</xdr:row>
      <xdr:rowOff>155042</xdr:rowOff>
    </xdr:to>
    <xdr:sp macro="" textlink="">
      <xdr:nvSpPr>
        <xdr:cNvPr id="601" name="フローチャート: 判断 600">
          <a:extLst>
            <a:ext uri="{FF2B5EF4-FFF2-40B4-BE49-F238E27FC236}">
              <a16:creationId xmlns:a16="http://schemas.microsoft.com/office/drawing/2014/main" id="{3D3BB442-4D50-4F65-8D56-0EFBDE019567}"/>
            </a:ext>
          </a:extLst>
        </xdr:cNvPr>
        <xdr:cNvSpPr/>
      </xdr:nvSpPr>
      <xdr:spPr>
        <a:xfrm>
          <a:off x="16388080" y="1027948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0A73DC31-C210-40E8-912B-5B3C67AD7163}"/>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DF01EB0C-EEF4-48A6-B44D-FF219D944F5D}"/>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116FA8D6-495D-4983-8697-DB7406CAF881}"/>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A0C31610-AF2B-46B3-ACCD-8310EE34CA40}"/>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6" name="テキスト ボックス 605">
          <a:extLst>
            <a:ext uri="{FF2B5EF4-FFF2-40B4-BE49-F238E27FC236}">
              <a16:creationId xmlns:a16="http://schemas.microsoft.com/office/drawing/2014/main" id="{B002427C-31AC-40F3-A20C-A2BB8A97408B}"/>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8247</xdr:rowOff>
    </xdr:from>
    <xdr:to>
      <xdr:col>116</xdr:col>
      <xdr:colOff>114300</xdr:colOff>
      <xdr:row>62</xdr:row>
      <xdr:rowOff>28397</xdr:rowOff>
    </xdr:to>
    <xdr:sp macro="" textlink="">
      <xdr:nvSpPr>
        <xdr:cNvPr id="607" name="楕円 606">
          <a:extLst>
            <a:ext uri="{FF2B5EF4-FFF2-40B4-BE49-F238E27FC236}">
              <a16:creationId xmlns:a16="http://schemas.microsoft.com/office/drawing/2014/main" id="{DF324675-63B8-4D3A-ABE9-EA603AD58EED}"/>
            </a:ext>
          </a:extLst>
        </xdr:cNvPr>
        <xdr:cNvSpPr/>
      </xdr:nvSpPr>
      <xdr:spPr>
        <a:xfrm>
          <a:off x="19458940" y="1032428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76674</xdr:rowOff>
    </xdr:from>
    <xdr:ext cx="469744" cy="259045"/>
    <xdr:sp macro="" textlink="">
      <xdr:nvSpPr>
        <xdr:cNvPr id="608" name="【学校施設】&#10;一人当たり面積該当値テキスト">
          <a:extLst>
            <a:ext uri="{FF2B5EF4-FFF2-40B4-BE49-F238E27FC236}">
              <a16:creationId xmlns:a16="http://schemas.microsoft.com/office/drawing/2014/main" id="{E89B5590-F58F-42B7-8E04-FEBA6B0F1640}"/>
            </a:ext>
          </a:extLst>
        </xdr:cNvPr>
        <xdr:cNvSpPr txBox="1"/>
      </xdr:nvSpPr>
      <xdr:spPr>
        <a:xfrm>
          <a:off x="19547840" y="10302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54813</xdr:rowOff>
    </xdr:from>
    <xdr:to>
      <xdr:col>112</xdr:col>
      <xdr:colOff>38100</xdr:colOff>
      <xdr:row>61</xdr:row>
      <xdr:rowOff>156413</xdr:rowOff>
    </xdr:to>
    <xdr:sp macro="" textlink="">
      <xdr:nvSpPr>
        <xdr:cNvPr id="609" name="楕円 608">
          <a:extLst>
            <a:ext uri="{FF2B5EF4-FFF2-40B4-BE49-F238E27FC236}">
              <a16:creationId xmlns:a16="http://schemas.microsoft.com/office/drawing/2014/main" id="{57846E77-6E87-413E-AA09-BCCA87C08F9C}"/>
            </a:ext>
          </a:extLst>
        </xdr:cNvPr>
        <xdr:cNvSpPr/>
      </xdr:nvSpPr>
      <xdr:spPr>
        <a:xfrm>
          <a:off x="18735040" y="1028085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05613</xdr:rowOff>
    </xdr:from>
    <xdr:to>
      <xdr:col>116</xdr:col>
      <xdr:colOff>63500</xdr:colOff>
      <xdr:row>61</xdr:row>
      <xdr:rowOff>149047</xdr:rowOff>
    </xdr:to>
    <xdr:cxnSp macro="">
      <xdr:nvCxnSpPr>
        <xdr:cNvPr id="610" name="直線コネクタ 609">
          <a:extLst>
            <a:ext uri="{FF2B5EF4-FFF2-40B4-BE49-F238E27FC236}">
              <a16:creationId xmlns:a16="http://schemas.microsoft.com/office/drawing/2014/main" id="{9B2AE180-FCE3-41F1-8C3B-CD226D52BBC2}"/>
            </a:ext>
          </a:extLst>
        </xdr:cNvPr>
        <xdr:cNvCxnSpPr/>
      </xdr:nvCxnSpPr>
      <xdr:spPr>
        <a:xfrm>
          <a:off x="18778220" y="10331653"/>
          <a:ext cx="73152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65329</xdr:rowOff>
    </xdr:from>
    <xdr:to>
      <xdr:col>107</xdr:col>
      <xdr:colOff>101600</xdr:colOff>
      <xdr:row>61</xdr:row>
      <xdr:rowOff>166929</xdr:rowOff>
    </xdr:to>
    <xdr:sp macro="" textlink="">
      <xdr:nvSpPr>
        <xdr:cNvPr id="611" name="楕円 610">
          <a:extLst>
            <a:ext uri="{FF2B5EF4-FFF2-40B4-BE49-F238E27FC236}">
              <a16:creationId xmlns:a16="http://schemas.microsoft.com/office/drawing/2014/main" id="{D400BE81-6FA6-4215-8653-D484861A206A}"/>
            </a:ext>
          </a:extLst>
        </xdr:cNvPr>
        <xdr:cNvSpPr/>
      </xdr:nvSpPr>
      <xdr:spPr>
        <a:xfrm>
          <a:off x="17937480" y="10291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05613</xdr:rowOff>
    </xdr:from>
    <xdr:to>
      <xdr:col>111</xdr:col>
      <xdr:colOff>177800</xdr:colOff>
      <xdr:row>61</xdr:row>
      <xdr:rowOff>116129</xdr:rowOff>
    </xdr:to>
    <xdr:cxnSp macro="">
      <xdr:nvCxnSpPr>
        <xdr:cNvPr id="612" name="直線コネクタ 611">
          <a:extLst>
            <a:ext uri="{FF2B5EF4-FFF2-40B4-BE49-F238E27FC236}">
              <a16:creationId xmlns:a16="http://schemas.microsoft.com/office/drawing/2014/main" id="{AD7544CE-45CF-4495-811A-34E5CC660058}"/>
            </a:ext>
          </a:extLst>
        </xdr:cNvPr>
        <xdr:cNvCxnSpPr/>
      </xdr:nvCxnSpPr>
      <xdr:spPr>
        <a:xfrm flipV="1">
          <a:off x="17988280" y="10331653"/>
          <a:ext cx="789940" cy="1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79502</xdr:rowOff>
    </xdr:from>
    <xdr:to>
      <xdr:col>102</xdr:col>
      <xdr:colOff>165100</xdr:colOff>
      <xdr:row>62</xdr:row>
      <xdr:rowOff>9652</xdr:rowOff>
    </xdr:to>
    <xdr:sp macro="" textlink="">
      <xdr:nvSpPr>
        <xdr:cNvPr id="613" name="楕円 612">
          <a:extLst>
            <a:ext uri="{FF2B5EF4-FFF2-40B4-BE49-F238E27FC236}">
              <a16:creationId xmlns:a16="http://schemas.microsoft.com/office/drawing/2014/main" id="{57EEA00B-23D6-4F93-BD6D-C37E7892F9F4}"/>
            </a:ext>
          </a:extLst>
        </xdr:cNvPr>
        <xdr:cNvSpPr/>
      </xdr:nvSpPr>
      <xdr:spPr>
        <a:xfrm>
          <a:off x="17162780" y="1030554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16129</xdr:rowOff>
    </xdr:from>
    <xdr:to>
      <xdr:col>107</xdr:col>
      <xdr:colOff>50800</xdr:colOff>
      <xdr:row>61</xdr:row>
      <xdr:rowOff>130302</xdr:rowOff>
    </xdr:to>
    <xdr:cxnSp macro="">
      <xdr:nvCxnSpPr>
        <xdr:cNvPr id="614" name="直線コネクタ 613">
          <a:extLst>
            <a:ext uri="{FF2B5EF4-FFF2-40B4-BE49-F238E27FC236}">
              <a16:creationId xmlns:a16="http://schemas.microsoft.com/office/drawing/2014/main" id="{3959A187-5897-4B17-96F5-569FC15E5B46}"/>
            </a:ext>
          </a:extLst>
        </xdr:cNvPr>
        <xdr:cNvCxnSpPr/>
      </xdr:nvCxnSpPr>
      <xdr:spPr>
        <a:xfrm flipV="1">
          <a:off x="17213580" y="10342169"/>
          <a:ext cx="7747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168656</xdr:rowOff>
    </xdr:from>
    <xdr:to>
      <xdr:col>98</xdr:col>
      <xdr:colOff>38100</xdr:colOff>
      <xdr:row>61</xdr:row>
      <xdr:rowOff>98806</xdr:rowOff>
    </xdr:to>
    <xdr:sp macro="" textlink="">
      <xdr:nvSpPr>
        <xdr:cNvPr id="615" name="楕円 614">
          <a:extLst>
            <a:ext uri="{FF2B5EF4-FFF2-40B4-BE49-F238E27FC236}">
              <a16:creationId xmlns:a16="http://schemas.microsoft.com/office/drawing/2014/main" id="{C0D31E2B-8D0F-4D29-9B4D-24F3CD5A8C52}"/>
            </a:ext>
          </a:extLst>
        </xdr:cNvPr>
        <xdr:cNvSpPr/>
      </xdr:nvSpPr>
      <xdr:spPr>
        <a:xfrm>
          <a:off x="16388080" y="1022705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48006</xdr:rowOff>
    </xdr:from>
    <xdr:to>
      <xdr:col>102</xdr:col>
      <xdr:colOff>114300</xdr:colOff>
      <xdr:row>61</xdr:row>
      <xdr:rowOff>130302</xdr:rowOff>
    </xdr:to>
    <xdr:cxnSp macro="">
      <xdr:nvCxnSpPr>
        <xdr:cNvPr id="616" name="直線コネクタ 615">
          <a:extLst>
            <a:ext uri="{FF2B5EF4-FFF2-40B4-BE49-F238E27FC236}">
              <a16:creationId xmlns:a16="http://schemas.microsoft.com/office/drawing/2014/main" id="{30FBA6E7-FAD0-42EC-BC57-43EE4D9F2D45}"/>
            </a:ext>
          </a:extLst>
        </xdr:cNvPr>
        <xdr:cNvCxnSpPr/>
      </xdr:nvCxnSpPr>
      <xdr:spPr>
        <a:xfrm>
          <a:off x="16431260" y="10274046"/>
          <a:ext cx="78232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70528</xdr:rowOff>
    </xdr:from>
    <xdr:ext cx="469744" cy="259045"/>
    <xdr:sp macro="" textlink="">
      <xdr:nvSpPr>
        <xdr:cNvPr id="617" name="n_1aveValue【学校施設】&#10;一人当たり面積">
          <a:extLst>
            <a:ext uri="{FF2B5EF4-FFF2-40B4-BE49-F238E27FC236}">
              <a16:creationId xmlns:a16="http://schemas.microsoft.com/office/drawing/2014/main" id="{6D364D6A-6313-4B55-8DAD-046C127C6ACC}"/>
            </a:ext>
          </a:extLst>
        </xdr:cNvPr>
        <xdr:cNvSpPr txBox="1"/>
      </xdr:nvSpPr>
      <xdr:spPr>
        <a:xfrm>
          <a:off x="18561127" y="9961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79671</xdr:rowOff>
    </xdr:from>
    <xdr:ext cx="469744" cy="259045"/>
    <xdr:sp macro="" textlink="">
      <xdr:nvSpPr>
        <xdr:cNvPr id="618" name="n_2aveValue【学校施設】&#10;一人当たり面積">
          <a:extLst>
            <a:ext uri="{FF2B5EF4-FFF2-40B4-BE49-F238E27FC236}">
              <a16:creationId xmlns:a16="http://schemas.microsoft.com/office/drawing/2014/main" id="{4D6826A1-7E29-44A3-A128-AC14C369B09A}"/>
            </a:ext>
          </a:extLst>
        </xdr:cNvPr>
        <xdr:cNvSpPr txBox="1"/>
      </xdr:nvSpPr>
      <xdr:spPr>
        <a:xfrm>
          <a:off x="17776267" y="9970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29963</xdr:rowOff>
    </xdr:from>
    <xdr:ext cx="469744" cy="259045"/>
    <xdr:sp macro="" textlink="">
      <xdr:nvSpPr>
        <xdr:cNvPr id="619" name="n_3aveValue【学校施設】&#10;一人当たり面積">
          <a:extLst>
            <a:ext uri="{FF2B5EF4-FFF2-40B4-BE49-F238E27FC236}">
              <a16:creationId xmlns:a16="http://schemas.microsoft.com/office/drawing/2014/main" id="{04A782A5-768E-4DBC-8DF0-94B42F38A603}"/>
            </a:ext>
          </a:extLst>
        </xdr:cNvPr>
        <xdr:cNvSpPr txBox="1"/>
      </xdr:nvSpPr>
      <xdr:spPr>
        <a:xfrm>
          <a:off x="17001567" y="10020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46169</xdr:rowOff>
    </xdr:from>
    <xdr:ext cx="469744" cy="259045"/>
    <xdr:sp macro="" textlink="">
      <xdr:nvSpPr>
        <xdr:cNvPr id="620" name="n_4aveValue【学校施設】&#10;一人当たり面積">
          <a:extLst>
            <a:ext uri="{FF2B5EF4-FFF2-40B4-BE49-F238E27FC236}">
              <a16:creationId xmlns:a16="http://schemas.microsoft.com/office/drawing/2014/main" id="{86C461BA-26F5-4D82-89D3-3351EB9CE4DF}"/>
            </a:ext>
          </a:extLst>
        </xdr:cNvPr>
        <xdr:cNvSpPr txBox="1"/>
      </xdr:nvSpPr>
      <xdr:spPr>
        <a:xfrm>
          <a:off x="16226867" y="10372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47540</xdr:rowOff>
    </xdr:from>
    <xdr:ext cx="469744" cy="259045"/>
    <xdr:sp macro="" textlink="">
      <xdr:nvSpPr>
        <xdr:cNvPr id="621" name="n_1mainValue【学校施設】&#10;一人当たり面積">
          <a:extLst>
            <a:ext uri="{FF2B5EF4-FFF2-40B4-BE49-F238E27FC236}">
              <a16:creationId xmlns:a16="http://schemas.microsoft.com/office/drawing/2014/main" id="{E5D42E11-C467-47FA-91FD-2FFB9BD53057}"/>
            </a:ext>
          </a:extLst>
        </xdr:cNvPr>
        <xdr:cNvSpPr txBox="1"/>
      </xdr:nvSpPr>
      <xdr:spPr>
        <a:xfrm>
          <a:off x="18561127" y="10373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58056</xdr:rowOff>
    </xdr:from>
    <xdr:ext cx="469744" cy="259045"/>
    <xdr:sp macro="" textlink="">
      <xdr:nvSpPr>
        <xdr:cNvPr id="622" name="n_2mainValue【学校施設】&#10;一人当たり面積">
          <a:extLst>
            <a:ext uri="{FF2B5EF4-FFF2-40B4-BE49-F238E27FC236}">
              <a16:creationId xmlns:a16="http://schemas.microsoft.com/office/drawing/2014/main" id="{C20B77D8-C5BA-493D-90F9-2FBB9E796B1B}"/>
            </a:ext>
          </a:extLst>
        </xdr:cNvPr>
        <xdr:cNvSpPr txBox="1"/>
      </xdr:nvSpPr>
      <xdr:spPr>
        <a:xfrm>
          <a:off x="17776267" y="10384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779</xdr:rowOff>
    </xdr:from>
    <xdr:ext cx="469744" cy="259045"/>
    <xdr:sp macro="" textlink="">
      <xdr:nvSpPr>
        <xdr:cNvPr id="623" name="n_3mainValue【学校施設】&#10;一人当たり面積">
          <a:extLst>
            <a:ext uri="{FF2B5EF4-FFF2-40B4-BE49-F238E27FC236}">
              <a16:creationId xmlns:a16="http://schemas.microsoft.com/office/drawing/2014/main" id="{2491D576-DDC8-4407-9111-83A0EE753E89}"/>
            </a:ext>
          </a:extLst>
        </xdr:cNvPr>
        <xdr:cNvSpPr txBox="1"/>
      </xdr:nvSpPr>
      <xdr:spPr>
        <a:xfrm>
          <a:off x="17001567" y="10394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15333</xdr:rowOff>
    </xdr:from>
    <xdr:ext cx="469744" cy="259045"/>
    <xdr:sp macro="" textlink="">
      <xdr:nvSpPr>
        <xdr:cNvPr id="624" name="n_4mainValue【学校施設】&#10;一人当たり面積">
          <a:extLst>
            <a:ext uri="{FF2B5EF4-FFF2-40B4-BE49-F238E27FC236}">
              <a16:creationId xmlns:a16="http://schemas.microsoft.com/office/drawing/2014/main" id="{37E9726E-E128-4E4C-AB95-2572B1179C6F}"/>
            </a:ext>
          </a:extLst>
        </xdr:cNvPr>
        <xdr:cNvSpPr txBox="1"/>
      </xdr:nvSpPr>
      <xdr:spPr>
        <a:xfrm>
          <a:off x="16226867" y="1000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5" name="正方形/長方形 624">
          <a:extLst>
            <a:ext uri="{FF2B5EF4-FFF2-40B4-BE49-F238E27FC236}">
              <a16:creationId xmlns:a16="http://schemas.microsoft.com/office/drawing/2014/main" id="{B7FF86BB-C131-4640-A651-6D3B6524937A}"/>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6" name="正方形/長方形 625">
          <a:extLst>
            <a:ext uri="{FF2B5EF4-FFF2-40B4-BE49-F238E27FC236}">
              <a16:creationId xmlns:a16="http://schemas.microsoft.com/office/drawing/2014/main" id="{803FD317-033F-4928-8C0E-1DFEA58A5889}"/>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7" name="正方形/長方形 626">
          <a:extLst>
            <a:ext uri="{FF2B5EF4-FFF2-40B4-BE49-F238E27FC236}">
              <a16:creationId xmlns:a16="http://schemas.microsoft.com/office/drawing/2014/main" id="{2F94ADA6-FD08-4A19-9B92-AC342089B18B}"/>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8" name="正方形/長方形 627">
          <a:extLst>
            <a:ext uri="{FF2B5EF4-FFF2-40B4-BE49-F238E27FC236}">
              <a16:creationId xmlns:a16="http://schemas.microsoft.com/office/drawing/2014/main" id="{96A19266-C5D8-4ECD-B15C-E8991319DDC0}"/>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9" name="正方形/長方形 628">
          <a:extLst>
            <a:ext uri="{FF2B5EF4-FFF2-40B4-BE49-F238E27FC236}">
              <a16:creationId xmlns:a16="http://schemas.microsoft.com/office/drawing/2014/main" id="{C2F246E8-A266-4A72-9DFE-850C7BAB6E92}"/>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0" name="正方形/長方形 629">
          <a:extLst>
            <a:ext uri="{FF2B5EF4-FFF2-40B4-BE49-F238E27FC236}">
              <a16:creationId xmlns:a16="http://schemas.microsoft.com/office/drawing/2014/main" id="{DFF83014-3065-4AE2-BAF6-520B8381D576}"/>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1" name="正方形/長方形 630">
          <a:extLst>
            <a:ext uri="{FF2B5EF4-FFF2-40B4-BE49-F238E27FC236}">
              <a16:creationId xmlns:a16="http://schemas.microsoft.com/office/drawing/2014/main" id="{64C153EB-C096-42DA-93B5-14854BB7D785}"/>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2" name="正方形/長方形 631">
          <a:extLst>
            <a:ext uri="{FF2B5EF4-FFF2-40B4-BE49-F238E27FC236}">
              <a16:creationId xmlns:a16="http://schemas.microsoft.com/office/drawing/2014/main" id="{F4684647-8A01-41F4-B9A7-5F5ABBD0FEA1}"/>
            </a:ext>
          </a:extLst>
        </xdr:cNvPr>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3" name="正方形/長方形 632">
          <a:extLst>
            <a:ext uri="{FF2B5EF4-FFF2-40B4-BE49-F238E27FC236}">
              <a16:creationId xmlns:a16="http://schemas.microsoft.com/office/drawing/2014/main" id="{3FA9466C-0DA2-4C1F-826D-C9184CEE4741}"/>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4" name="正方形/長方形 633">
          <a:extLst>
            <a:ext uri="{FF2B5EF4-FFF2-40B4-BE49-F238E27FC236}">
              <a16:creationId xmlns:a16="http://schemas.microsoft.com/office/drawing/2014/main" id="{5E73E988-7B6D-48CF-AB0A-501B88623414}"/>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5" name="正方形/長方形 634">
          <a:extLst>
            <a:ext uri="{FF2B5EF4-FFF2-40B4-BE49-F238E27FC236}">
              <a16:creationId xmlns:a16="http://schemas.microsoft.com/office/drawing/2014/main" id="{E5A80DE1-389E-476D-85A9-B62F8A8F9232}"/>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6" name="正方形/長方形 635">
          <a:extLst>
            <a:ext uri="{FF2B5EF4-FFF2-40B4-BE49-F238E27FC236}">
              <a16:creationId xmlns:a16="http://schemas.microsoft.com/office/drawing/2014/main" id="{F64B970F-62DA-4F39-A690-36F159F0858A}"/>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7" name="正方形/長方形 636">
          <a:extLst>
            <a:ext uri="{FF2B5EF4-FFF2-40B4-BE49-F238E27FC236}">
              <a16:creationId xmlns:a16="http://schemas.microsoft.com/office/drawing/2014/main" id="{F44E40F3-B23E-4189-9FA4-153ABCED3F8D}"/>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8" name="正方形/長方形 637">
          <a:extLst>
            <a:ext uri="{FF2B5EF4-FFF2-40B4-BE49-F238E27FC236}">
              <a16:creationId xmlns:a16="http://schemas.microsoft.com/office/drawing/2014/main" id="{9E26C169-1B77-481F-BEE3-5FE5614F470E}"/>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9" name="正方形/長方形 638">
          <a:extLst>
            <a:ext uri="{FF2B5EF4-FFF2-40B4-BE49-F238E27FC236}">
              <a16:creationId xmlns:a16="http://schemas.microsoft.com/office/drawing/2014/main" id="{581138D5-FF5B-4BC5-9650-F7AACB115AB4}"/>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0" name="正方形/長方形 639">
          <a:extLst>
            <a:ext uri="{FF2B5EF4-FFF2-40B4-BE49-F238E27FC236}">
              <a16:creationId xmlns:a16="http://schemas.microsoft.com/office/drawing/2014/main" id="{281495D4-1423-43EE-8A6D-F1A67A464E70}"/>
            </a:ext>
          </a:extLst>
        </xdr:cNvPr>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1" name="正方形/長方形 640">
          <a:extLst>
            <a:ext uri="{FF2B5EF4-FFF2-40B4-BE49-F238E27FC236}">
              <a16:creationId xmlns:a16="http://schemas.microsoft.com/office/drawing/2014/main" id="{7FA91F27-71B4-4E70-8EBA-5BA9677A6AA7}"/>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2" name="正方形/長方形 641">
          <a:extLst>
            <a:ext uri="{FF2B5EF4-FFF2-40B4-BE49-F238E27FC236}">
              <a16:creationId xmlns:a16="http://schemas.microsoft.com/office/drawing/2014/main" id="{C8AFDAB5-012E-48FD-AABE-0CB916A9B2CC}"/>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3" name="正方形/長方形 642">
          <a:extLst>
            <a:ext uri="{FF2B5EF4-FFF2-40B4-BE49-F238E27FC236}">
              <a16:creationId xmlns:a16="http://schemas.microsoft.com/office/drawing/2014/main" id="{0F43E666-1E9C-48BD-807B-3CF28E15ADFC}"/>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4" name="正方形/長方形 643">
          <a:extLst>
            <a:ext uri="{FF2B5EF4-FFF2-40B4-BE49-F238E27FC236}">
              <a16:creationId xmlns:a16="http://schemas.microsoft.com/office/drawing/2014/main" id="{25C27152-69CF-4410-BC93-65B0E4F7481C}"/>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5" name="正方形/長方形 644">
          <a:extLst>
            <a:ext uri="{FF2B5EF4-FFF2-40B4-BE49-F238E27FC236}">
              <a16:creationId xmlns:a16="http://schemas.microsoft.com/office/drawing/2014/main" id="{352CA81E-402D-4023-A75A-6F9A86803DD3}"/>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6" name="正方形/長方形 645">
          <a:extLst>
            <a:ext uri="{FF2B5EF4-FFF2-40B4-BE49-F238E27FC236}">
              <a16:creationId xmlns:a16="http://schemas.microsoft.com/office/drawing/2014/main" id="{86E8E3F5-D690-4858-A760-FCFCD0149FCB}"/>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7" name="正方形/長方形 646">
          <a:extLst>
            <a:ext uri="{FF2B5EF4-FFF2-40B4-BE49-F238E27FC236}">
              <a16:creationId xmlns:a16="http://schemas.microsoft.com/office/drawing/2014/main" id="{2F9571BB-CCE7-4120-A382-2C9CB572D226}"/>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8" name="正方形/長方形 647">
          <a:extLst>
            <a:ext uri="{FF2B5EF4-FFF2-40B4-BE49-F238E27FC236}">
              <a16:creationId xmlns:a16="http://schemas.microsoft.com/office/drawing/2014/main" id="{3F12E81C-D231-4B63-9F2C-A7A95213F43C}"/>
            </a:ext>
          </a:extLst>
        </xdr:cNvPr>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9" name="テキスト ボックス 648">
          <a:extLst>
            <a:ext uri="{FF2B5EF4-FFF2-40B4-BE49-F238E27FC236}">
              <a16:creationId xmlns:a16="http://schemas.microsoft.com/office/drawing/2014/main" id="{20870445-FC52-4A23-859B-656E4293982F}"/>
            </a:ext>
          </a:extLst>
        </xdr:cNvPr>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0" name="直線コネクタ 649">
          <a:extLst>
            <a:ext uri="{FF2B5EF4-FFF2-40B4-BE49-F238E27FC236}">
              <a16:creationId xmlns:a16="http://schemas.microsoft.com/office/drawing/2014/main" id="{9586B684-6C9E-45F8-91DC-1FF391C47ACC}"/>
            </a:ext>
          </a:extLst>
        </xdr:cNvPr>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1" name="テキスト ボックス 650">
          <a:extLst>
            <a:ext uri="{FF2B5EF4-FFF2-40B4-BE49-F238E27FC236}">
              <a16:creationId xmlns:a16="http://schemas.microsoft.com/office/drawing/2014/main" id="{FEBC5873-7A4F-4A9E-9BD8-DE7B5F0EBF96}"/>
            </a:ext>
          </a:extLst>
        </xdr:cNvPr>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52" name="直線コネクタ 651">
          <a:extLst>
            <a:ext uri="{FF2B5EF4-FFF2-40B4-BE49-F238E27FC236}">
              <a16:creationId xmlns:a16="http://schemas.microsoft.com/office/drawing/2014/main" id="{41570189-88C5-47DD-9470-378A81EF3245}"/>
            </a:ext>
          </a:extLst>
        </xdr:cNvPr>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53" name="テキスト ボックス 652">
          <a:extLst>
            <a:ext uri="{FF2B5EF4-FFF2-40B4-BE49-F238E27FC236}">
              <a16:creationId xmlns:a16="http://schemas.microsoft.com/office/drawing/2014/main" id="{2A867C4F-5CB8-4F2B-82B7-0541714C1C39}"/>
            </a:ext>
          </a:extLst>
        </xdr:cNvPr>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54" name="直線コネクタ 653">
          <a:extLst>
            <a:ext uri="{FF2B5EF4-FFF2-40B4-BE49-F238E27FC236}">
              <a16:creationId xmlns:a16="http://schemas.microsoft.com/office/drawing/2014/main" id="{DE7B54CB-DABA-47FE-B0DF-1F516C4E6D5A}"/>
            </a:ext>
          </a:extLst>
        </xdr:cNvPr>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5" name="テキスト ボックス 654">
          <a:extLst>
            <a:ext uri="{FF2B5EF4-FFF2-40B4-BE49-F238E27FC236}">
              <a16:creationId xmlns:a16="http://schemas.microsoft.com/office/drawing/2014/main" id="{05F29C7E-69CB-407D-BEAF-E223591A09F2}"/>
            </a:ext>
          </a:extLst>
        </xdr:cNvPr>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6" name="直線コネクタ 655">
          <a:extLst>
            <a:ext uri="{FF2B5EF4-FFF2-40B4-BE49-F238E27FC236}">
              <a16:creationId xmlns:a16="http://schemas.microsoft.com/office/drawing/2014/main" id="{463C9415-2EB9-4912-A3E6-CC45D9830AE8}"/>
            </a:ext>
          </a:extLst>
        </xdr:cNvPr>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7" name="テキスト ボックス 656">
          <a:extLst>
            <a:ext uri="{FF2B5EF4-FFF2-40B4-BE49-F238E27FC236}">
              <a16:creationId xmlns:a16="http://schemas.microsoft.com/office/drawing/2014/main" id="{A23D3541-F14F-4A08-BABC-8412CCE16F4E}"/>
            </a:ext>
          </a:extLst>
        </xdr:cNvPr>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8" name="直線コネクタ 657">
          <a:extLst>
            <a:ext uri="{FF2B5EF4-FFF2-40B4-BE49-F238E27FC236}">
              <a16:creationId xmlns:a16="http://schemas.microsoft.com/office/drawing/2014/main" id="{0152A9BE-1C98-4005-A466-1686609E3D74}"/>
            </a:ext>
          </a:extLst>
        </xdr:cNvPr>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9" name="テキスト ボックス 658">
          <a:extLst>
            <a:ext uri="{FF2B5EF4-FFF2-40B4-BE49-F238E27FC236}">
              <a16:creationId xmlns:a16="http://schemas.microsoft.com/office/drawing/2014/main" id="{F56CD0DE-6AA1-434C-A0FA-363283CA9317}"/>
            </a:ext>
          </a:extLst>
        </xdr:cNvPr>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60" name="直線コネクタ 659">
          <a:extLst>
            <a:ext uri="{FF2B5EF4-FFF2-40B4-BE49-F238E27FC236}">
              <a16:creationId xmlns:a16="http://schemas.microsoft.com/office/drawing/2014/main" id="{1430A775-7213-4698-B53D-469B5BD1C789}"/>
            </a:ext>
          </a:extLst>
        </xdr:cNvPr>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61" name="テキスト ボックス 660">
          <a:extLst>
            <a:ext uri="{FF2B5EF4-FFF2-40B4-BE49-F238E27FC236}">
              <a16:creationId xmlns:a16="http://schemas.microsoft.com/office/drawing/2014/main" id="{0889B8F7-1359-4D52-9D91-8367238569A1}"/>
            </a:ext>
          </a:extLst>
        </xdr:cNvPr>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62" name="直線コネクタ 661">
          <a:extLst>
            <a:ext uri="{FF2B5EF4-FFF2-40B4-BE49-F238E27FC236}">
              <a16:creationId xmlns:a16="http://schemas.microsoft.com/office/drawing/2014/main" id="{D62594B7-5323-4AE1-ACFF-1C7043DF1532}"/>
            </a:ext>
          </a:extLst>
        </xdr:cNvPr>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63" name="テキスト ボックス 662">
          <a:extLst>
            <a:ext uri="{FF2B5EF4-FFF2-40B4-BE49-F238E27FC236}">
              <a16:creationId xmlns:a16="http://schemas.microsoft.com/office/drawing/2014/main" id="{5C1DDC96-341C-4554-96FC-04C7292552D4}"/>
            </a:ext>
          </a:extLst>
        </xdr:cNvPr>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4" name="直線コネクタ 663">
          <a:extLst>
            <a:ext uri="{FF2B5EF4-FFF2-40B4-BE49-F238E27FC236}">
              <a16:creationId xmlns:a16="http://schemas.microsoft.com/office/drawing/2014/main" id="{CCF8FD36-B165-4B92-9EB3-F254C8E704B8}"/>
            </a:ext>
          </a:extLst>
        </xdr:cNvPr>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5" name="【公民館】&#10;有形固定資産減価償却率グラフ枠">
          <a:extLst>
            <a:ext uri="{FF2B5EF4-FFF2-40B4-BE49-F238E27FC236}">
              <a16:creationId xmlns:a16="http://schemas.microsoft.com/office/drawing/2014/main" id="{FC24466A-F5EB-40C3-AF77-19A3598FF79A}"/>
            </a:ext>
          </a:extLst>
        </xdr:cNvPr>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9476</xdr:rowOff>
    </xdr:from>
    <xdr:to>
      <xdr:col>85</xdr:col>
      <xdr:colOff>126364</xdr:colOff>
      <xdr:row>109</xdr:row>
      <xdr:rowOff>35379</xdr:rowOff>
    </xdr:to>
    <xdr:cxnSp macro="">
      <xdr:nvCxnSpPr>
        <xdr:cNvPr id="666" name="直線コネクタ 665">
          <a:extLst>
            <a:ext uri="{FF2B5EF4-FFF2-40B4-BE49-F238E27FC236}">
              <a16:creationId xmlns:a16="http://schemas.microsoft.com/office/drawing/2014/main" id="{CF392B91-3603-4EBF-B12B-70F7347B709E}"/>
            </a:ext>
          </a:extLst>
        </xdr:cNvPr>
        <xdr:cNvCxnSpPr/>
      </xdr:nvCxnSpPr>
      <xdr:spPr>
        <a:xfrm flipV="1">
          <a:off x="14375764" y="16755836"/>
          <a:ext cx="0" cy="15523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667" name="【公民館】&#10;有形固定資産減価償却率最小値テキスト">
          <a:extLst>
            <a:ext uri="{FF2B5EF4-FFF2-40B4-BE49-F238E27FC236}">
              <a16:creationId xmlns:a16="http://schemas.microsoft.com/office/drawing/2014/main" id="{DF32406B-1AF7-4B57-B574-956446932F3E}"/>
            </a:ext>
          </a:extLst>
        </xdr:cNvPr>
        <xdr:cNvSpPr txBox="1"/>
      </xdr:nvSpPr>
      <xdr:spPr>
        <a:xfrm>
          <a:off x="1441450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668" name="直線コネクタ 667">
          <a:extLst>
            <a:ext uri="{FF2B5EF4-FFF2-40B4-BE49-F238E27FC236}">
              <a16:creationId xmlns:a16="http://schemas.microsoft.com/office/drawing/2014/main" id="{6AE8F612-7145-4467-9F34-EA5094F9BC20}"/>
            </a:ext>
          </a:extLst>
        </xdr:cNvPr>
        <xdr:cNvCxnSpPr/>
      </xdr:nvCxnSpPr>
      <xdr:spPr>
        <a:xfrm>
          <a:off x="1428750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06153</xdr:rowOff>
    </xdr:from>
    <xdr:ext cx="340478" cy="259045"/>
    <xdr:sp macro="" textlink="">
      <xdr:nvSpPr>
        <xdr:cNvPr id="669" name="【公民館】&#10;有形固定資産減価償却率最大値テキスト">
          <a:extLst>
            <a:ext uri="{FF2B5EF4-FFF2-40B4-BE49-F238E27FC236}">
              <a16:creationId xmlns:a16="http://schemas.microsoft.com/office/drawing/2014/main" id="{4AADF5B9-D386-4A38-BC10-A235E85D23BA}"/>
            </a:ext>
          </a:extLst>
        </xdr:cNvPr>
        <xdr:cNvSpPr txBox="1"/>
      </xdr:nvSpPr>
      <xdr:spPr>
        <a:xfrm>
          <a:off x="14414500" y="1653487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9476</xdr:rowOff>
    </xdr:from>
    <xdr:to>
      <xdr:col>86</xdr:col>
      <xdr:colOff>25400</xdr:colOff>
      <xdr:row>99</xdr:row>
      <xdr:rowOff>159476</xdr:rowOff>
    </xdr:to>
    <xdr:cxnSp macro="">
      <xdr:nvCxnSpPr>
        <xdr:cNvPr id="670" name="直線コネクタ 669">
          <a:extLst>
            <a:ext uri="{FF2B5EF4-FFF2-40B4-BE49-F238E27FC236}">
              <a16:creationId xmlns:a16="http://schemas.microsoft.com/office/drawing/2014/main" id="{62BBE42D-FEB9-4DA8-B0F6-E86EC04A53DC}"/>
            </a:ext>
          </a:extLst>
        </xdr:cNvPr>
        <xdr:cNvCxnSpPr/>
      </xdr:nvCxnSpPr>
      <xdr:spPr>
        <a:xfrm>
          <a:off x="14287500" y="1675583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62972</xdr:rowOff>
    </xdr:from>
    <xdr:ext cx="405111" cy="259045"/>
    <xdr:sp macro="" textlink="">
      <xdr:nvSpPr>
        <xdr:cNvPr id="671" name="【公民館】&#10;有形固定資産減価償却率平均値テキスト">
          <a:extLst>
            <a:ext uri="{FF2B5EF4-FFF2-40B4-BE49-F238E27FC236}">
              <a16:creationId xmlns:a16="http://schemas.microsoft.com/office/drawing/2014/main" id="{111F1752-1708-4ED4-BC37-46FD0DAE9855}"/>
            </a:ext>
          </a:extLst>
        </xdr:cNvPr>
        <xdr:cNvSpPr txBox="1"/>
      </xdr:nvSpPr>
      <xdr:spPr>
        <a:xfrm>
          <a:off x="14414500" y="174975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40095</xdr:rowOff>
    </xdr:from>
    <xdr:to>
      <xdr:col>85</xdr:col>
      <xdr:colOff>177800</xdr:colOff>
      <xdr:row>105</xdr:row>
      <xdr:rowOff>141695</xdr:rowOff>
    </xdr:to>
    <xdr:sp macro="" textlink="">
      <xdr:nvSpPr>
        <xdr:cNvPr id="672" name="フローチャート: 判断 671">
          <a:extLst>
            <a:ext uri="{FF2B5EF4-FFF2-40B4-BE49-F238E27FC236}">
              <a16:creationId xmlns:a16="http://schemas.microsoft.com/office/drawing/2014/main" id="{CE81D0C5-8E23-4320-ABD3-C0438A99A4B6}"/>
            </a:ext>
          </a:extLst>
        </xdr:cNvPr>
        <xdr:cNvSpPr/>
      </xdr:nvSpPr>
      <xdr:spPr>
        <a:xfrm>
          <a:off x="14325600" y="17642295"/>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10705</xdr:rowOff>
    </xdr:from>
    <xdr:to>
      <xdr:col>81</xdr:col>
      <xdr:colOff>101600</xdr:colOff>
      <xdr:row>105</xdr:row>
      <xdr:rowOff>112305</xdr:rowOff>
    </xdr:to>
    <xdr:sp macro="" textlink="">
      <xdr:nvSpPr>
        <xdr:cNvPr id="673" name="フローチャート: 判断 672">
          <a:extLst>
            <a:ext uri="{FF2B5EF4-FFF2-40B4-BE49-F238E27FC236}">
              <a16:creationId xmlns:a16="http://schemas.microsoft.com/office/drawing/2014/main" id="{FFF075CC-1258-4C20-BC16-C7520C9EEAB2}"/>
            </a:ext>
          </a:extLst>
        </xdr:cNvPr>
        <xdr:cNvSpPr/>
      </xdr:nvSpPr>
      <xdr:spPr>
        <a:xfrm>
          <a:off x="13578840" y="17612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30299</xdr:rowOff>
    </xdr:from>
    <xdr:to>
      <xdr:col>76</xdr:col>
      <xdr:colOff>165100</xdr:colOff>
      <xdr:row>105</xdr:row>
      <xdr:rowOff>131899</xdr:rowOff>
    </xdr:to>
    <xdr:sp macro="" textlink="">
      <xdr:nvSpPr>
        <xdr:cNvPr id="674" name="フローチャート: 判断 673">
          <a:extLst>
            <a:ext uri="{FF2B5EF4-FFF2-40B4-BE49-F238E27FC236}">
              <a16:creationId xmlns:a16="http://schemas.microsoft.com/office/drawing/2014/main" id="{2FAA7359-E906-45FE-80B3-15AF23582938}"/>
            </a:ext>
          </a:extLst>
        </xdr:cNvPr>
        <xdr:cNvSpPr/>
      </xdr:nvSpPr>
      <xdr:spPr>
        <a:xfrm>
          <a:off x="12804140" y="17632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5806</xdr:rowOff>
    </xdr:from>
    <xdr:to>
      <xdr:col>72</xdr:col>
      <xdr:colOff>38100</xdr:colOff>
      <xdr:row>105</xdr:row>
      <xdr:rowOff>107406</xdr:rowOff>
    </xdr:to>
    <xdr:sp macro="" textlink="">
      <xdr:nvSpPr>
        <xdr:cNvPr id="675" name="フローチャート: 判断 674">
          <a:extLst>
            <a:ext uri="{FF2B5EF4-FFF2-40B4-BE49-F238E27FC236}">
              <a16:creationId xmlns:a16="http://schemas.microsoft.com/office/drawing/2014/main" id="{30042904-6404-4DCE-A1EE-D5C07E83B5AD}"/>
            </a:ext>
          </a:extLst>
        </xdr:cNvPr>
        <xdr:cNvSpPr/>
      </xdr:nvSpPr>
      <xdr:spPr>
        <a:xfrm>
          <a:off x="12029440" y="1760800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25400</xdr:rowOff>
    </xdr:from>
    <xdr:to>
      <xdr:col>67</xdr:col>
      <xdr:colOff>101600</xdr:colOff>
      <xdr:row>105</xdr:row>
      <xdr:rowOff>127000</xdr:rowOff>
    </xdr:to>
    <xdr:sp macro="" textlink="">
      <xdr:nvSpPr>
        <xdr:cNvPr id="676" name="フローチャート: 判断 675">
          <a:extLst>
            <a:ext uri="{FF2B5EF4-FFF2-40B4-BE49-F238E27FC236}">
              <a16:creationId xmlns:a16="http://schemas.microsoft.com/office/drawing/2014/main" id="{875C4DEF-BE3B-4045-A223-B6E669FD15CD}"/>
            </a:ext>
          </a:extLst>
        </xdr:cNvPr>
        <xdr:cNvSpPr/>
      </xdr:nvSpPr>
      <xdr:spPr>
        <a:xfrm>
          <a:off x="11231880" y="1762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id="{77201B23-1466-4FCC-A908-3A5DA66563BD}"/>
            </a:ext>
          </a:extLst>
        </xdr:cNvPr>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8" name="テキスト ボックス 677">
          <a:extLst>
            <a:ext uri="{FF2B5EF4-FFF2-40B4-BE49-F238E27FC236}">
              <a16:creationId xmlns:a16="http://schemas.microsoft.com/office/drawing/2014/main" id="{E6EF1186-E5E6-47F6-B233-B5BA6FD2F72F}"/>
            </a:ext>
          </a:extLst>
        </xdr:cNvPr>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9" name="テキスト ボックス 678">
          <a:extLst>
            <a:ext uri="{FF2B5EF4-FFF2-40B4-BE49-F238E27FC236}">
              <a16:creationId xmlns:a16="http://schemas.microsoft.com/office/drawing/2014/main" id="{00ABDA45-AE0F-4F4F-8B7D-60D65E436BD1}"/>
            </a:ext>
          </a:extLst>
        </xdr:cNvPr>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0" name="テキスト ボックス 679">
          <a:extLst>
            <a:ext uri="{FF2B5EF4-FFF2-40B4-BE49-F238E27FC236}">
              <a16:creationId xmlns:a16="http://schemas.microsoft.com/office/drawing/2014/main" id="{670B2902-0C53-4588-A528-36D7EAFCA772}"/>
            </a:ext>
          </a:extLst>
        </xdr:cNvPr>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1" name="テキスト ボックス 680">
          <a:extLst>
            <a:ext uri="{FF2B5EF4-FFF2-40B4-BE49-F238E27FC236}">
              <a16:creationId xmlns:a16="http://schemas.microsoft.com/office/drawing/2014/main" id="{639F8FDC-10C1-4783-B88E-A99A61BEDD7A}"/>
            </a:ext>
          </a:extLst>
        </xdr:cNvPr>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44599</xdr:rowOff>
    </xdr:from>
    <xdr:to>
      <xdr:col>85</xdr:col>
      <xdr:colOff>177800</xdr:colOff>
      <xdr:row>107</xdr:row>
      <xdr:rowOff>74749</xdr:rowOff>
    </xdr:to>
    <xdr:sp macro="" textlink="">
      <xdr:nvSpPr>
        <xdr:cNvPr id="682" name="楕円 681">
          <a:extLst>
            <a:ext uri="{FF2B5EF4-FFF2-40B4-BE49-F238E27FC236}">
              <a16:creationId xmlns:a16="http://schemas.microsoft.com/office/drawing/2014/main" id="{197B24DE-FD7D-4CC2-8881-2822BF2DA744}"/>
            </a:ext>
          </a:extLst>
        </xdr:cNvPr>
        <xdr:cNvSpPr/>
      </xdr:nvSpPr>
      <xdr:spPr>
        <a:xfrm>
          <a:off x="14325600" y="17914439"/>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23026</xdr:rowOff>
    </xdr:from>
    <xdr:ext cx="405111" cy="259045"/>
    <xdr:sp macro="" textlink="">
      <xdr:nvSpPr>
        <xdr:cNvPr id="683" name="【公民館】&#10;有形固定資産減価償却率該当値テキスト">
          <a:extLst>
            <a:ext uri="{FF2B5EF4-FFF2-40B4-BE49-F238E27FC236}">
              <a16:creationId xmlns:a16="http://schemas.microsoft.com/office/drawing/2014/main" id="{790675A4-F68A-4816-96D6-0F3F490D4B31}"/>
            </a:ext>
          </a:extLst>
        </xdr:cNvPr>
        <xdr:cNvSpPr txBox="1"/>
      </xdr:nvSpPr>
      <xdr:spPr>
        <a:xfrm>
          <a:off x="14414500" y="1789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28270</xdr:rowOff>
    </xdr:from>
    <xdr:to>
      <xdr:col>81</xdr:col>
      <xdr:colOff>101600</xdr:colOff>
      <xdr:row>107</xdr:row>
      <xdr:rowOff>58420</xdr:rowOff>
    </xdr:to>
    <xdr:sp macro="" textlink="">
      <xdr:nvSpPr>
        <xdr:cNvPr id="684" name="楕円 683">
          <a:extLst>
            <a:ext uri="{FF2B5EF4-FFF2-40B4-BE49-F238E27FC236}">
              <a16:creationId xmlns:a16="http://schemas.microsoft.com/office/drawing/2014/main" id="{0C3FB9FC-54B0-42C5-9020-39939DC8A73C}"/>
            </a:ext>
          </a:extLst>
        </xdr:cNvPr>
        <xdr:cNvSpPr/>
      </xdr:nvSpPr>
      <xdr:spPr>
        <a:xfrm>
          <a:off x="13578840" y="178981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7620</xdr:rowOff>
    </xdr:from>
    <xdr:to>
      <xdr:col>85</xdr:col>
      <xdr:colOff>127000</xdr:colOff>
      <xdr:row>107</xdr:row>
      <xdr:rowOff>23949</xdr:rowOff>
    </xdr:to>
    <xdr:cxnSp macro="">
      <xdr:nvCxnSpPr>
        <xdr:cNvPr id="685" name="直線コネクタ 684">
          <a:extLst>
            <a:ext uri="{FF2B5EF4-FFF2-40B4-BE49-F238E27FC236}">
              <a16:creationId xmlns:a16="http://schemas.microsoft.com/office/drawing/2014/main" id="{0C43CB8D-C62D-48FA-8FB4-B9C842C7905F}"/>
            </a:ext>
          </a:extLst>
        </xdr:cNvPr>
        <xdr:cNvCxnSpPr/>
      </xdr:nvCxnSpPr>
      <xdr:spPr>
        <a:xfrm>
          <a:off x="13629640" y="17945100"/>
          <a:ext cx="74676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93980</xdr:rowOff>
    </xdr:from>
    <xdr:to>
      <xdr:col>76</xdr:col>
      <xdr:colOff>165100</xdr:colOff>
      <xdr:row>107</xdr:row>
      <xdr:rowOff>24130</xdr:rowOff>
    </xdr:to>
    <xdr:sp macro="" textlink="">
      <xdr:nvSpPr>
        <xdr:cNvPr id="686" name="楕円 685">
          <a:extLst>
            <a:ext uri="{FF2B5EF4-FFF2-40B4-BE49-F238E27FC236}">
              <a16:creationId xmlns:a16="http://schemas.microsoft.com/office/drawing/2014/main" id="{D18196FD-EBB8-479C-AE60-3C1B5F863646}"/>
            </a:ext>
          </a:extLst>
        </xdr:cNvPr>
        <xdr:cNvSpPr/>
      </xdr:nvSpPr>
      <xdr:spPr>
        <a:xfrm>
          <a:off x="12804140" y="178638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44780</xdr:rowOff>
    </xdr:from>
    <xdr:to>
      <xdr:col>81</xdr:col>
      <xdr:colOff>50800</xdr:colOff>
      <xdr:row>107</xdr:row>
      <xdr:rowOff>7620</xdr:rowOff>
    </xdr:to>
    <xdr:cxnSp macro="">
      <xdr:nvCxnSpPr>
        <xdr:cNvPr id="687" name="直線コネクタ 686">
          <a:extLst>
            <a:ext uri="{FF2B5EF4-FFF2-40B4-BE49-F238E27FC236}">
              <a16:creationId xmlns:a16="http://schemas.microsoft.com/office/drawing/2014/main" id="{AD4205C5-DFFF-45CE-A21F-D31AEDE65F1D}"/>
            </a:ext>
          </a:extLst>
        </xdr:cNvPr>
        <xdr:cNvCxnSpPr/>
      </xdr:nvCxnSpPr>
      <xdr:spPr>
        <a:xfrm>
          <a:off x="12854940" y="17914620"/>
          <a:ext cx="7747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58057</xdr:rowOff>
    </xdr:from>
    <xdr:to>
      <xdr:col>72</xdr:col>
      <xdr:colOff>38100</xdr:colOff>
      <xdr:row>106</xdr:row>
      <xdr:rowOff>159657</xdr:rowOff>
    </xdr:to>
    <xdr:sp macro="" textlink="">
      <xdr:nvSpPr>
        <xdr:cNvPr id="688" name="楕円 687">
          <a:extLst>
            <a:ext uri="{FF2B5EF4-FFF2-40B4-BE49-F238E27FC236}">
              <a16:creationId xmlns:a16="http://schemas.microsoft.com/office/drawing/2014/main" id="{084537DF-AE3D-40B4-9006-1301AD09FF42}"/>
            </a:ext>
          </a:extLst>
        </xdr:cNvPr>
        <xdr:cNvSpPr/>
      </xdr:nvSpPr>
      <xdr:spPr>
        <a:xfrm>
          <a:off x="12029440" y="1782789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08857</xdr:rowOff>
    </xdr:from>
    <xdr:to>
      <xdr:col>76</xdr:col>
      <xdr:colOff>114300</xdr:colOff>
      <xdr:row>106</xdr:row>
      <xdr:rowOff>144780</xdr:rowOff>
    </xdr:to>
    <xdr:cxnSp macro="">
      <xdr:nvCxnSpPr>
        <xdr:cNvPr id="689" name="直線コネクタ 688">
          <a:extLst>
            <a:ext uri="{FF2B5EF4-FFF2-40B4-BE49-F238E27FC236}">
              <a16:creationId xmlns:a16="http://schemas.microsoft.com/office/drawing/2014/main" id="{2861F861-954C-4761-8605-4D00085F2D6D}"/>
            </a:ext>
          </a:extLst>
        </xdr:cNvPr>
        <xdr:cNvCxnSpPr/>
      </xdr:nvCxnSpPr>
      <xdr:spPr>
        <a:xfrm>
          <a:off x="12072620" y="17878697"/>
          <a:ext cx="78232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22134</xdr:rowOff>
    </xdr:from>
    <xdr:to>
      <xdr:col>67</xdr:col>
      <xdr:colOff>101600</xdr:colOff>
      <xdr:row>106</xdr:row>
      <xdr:rowOff>123734</xdr:rowOff>
    </xdr:to>
    <xdr:sp macro="" textlink="">
      <xdr:nvSpPr>
        <xdr:cNvPr id="690" name="楕円 689">
          <a:extLst>
            <a:ext uri="{FF2B5EF4-FFF2-40B4-BE49-F238E27FC236}">
              <a16:creationId xmlns:a16="http://schemas.microsoft.com/office/drawing/2014/main" id="{E909A8BE-CF26-4496-A8FE-7FA885B2BFE1}"/>
            </a:ext>
          </a:extLst>
        </xdr:cNvPr>
        <xdr:cNvSpPr/>
      </xdr:nvSpPr>
      <xdr:spPr>
        <a:xfrm>
          <a:off x="11231880" y="17791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72934</xdr:rowOff>
    </xdr:from>
    <xdr:to>
      <xdr:col>71</xdr:col>
      <xdr:colOff>177800</xdr:colOff>
      <xdr:row>106</xdr:row>
      <xdr:rowOff>108857</xdr:rowOff>
    </xdr:to>
    <xdr:cxnSp macro="">
      <xdr:nvCxnSpPr>
        <xdr:cNvPr id="691" name="直線コネクタ 690">
          <a:extLst>
            <a:ext uri="{FF2B5EF4-FFF2-40B4-BE49-F238E27FC236}">
              <a16:creationId xmlns:a16="http://schemas.microsoft.com/office/drawing/2014/main" id="{34102A72-636D-4E42-BEEC-C8FD35E4D5DD}"/>
            </a:ext>
          </a:extLst>
        </xdr:cNvPr>
        <xdr:cNvCxnSpPr/>
      </xdr:nvCxnSpPr>
      <xdr:spPr>
        <a:xfrm>
          <a:off x="11282680" y="17842774"/>
          <a:ext cx="78994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28832</xdr:rowOff>
    </xdr:from>
    <xdr:ext cx="405111" cy="259045"/>
    <xdr:sp macro="" textlink="">
      <xdr:nvSpPr>
        <xdr:cNvPr id="692" name="n_1aveValue【公民館】&#10;有形固定資産減価償却率">
          <a:extLst>
            <a:ext uri="{FF2B5EF4-FFF2-40B4-BE49-F238E27FC236}">
              <a16:creationId xmlns:a16="http://schemas.microsoft.com/office/drawing/2014/main" id="{417C4EE5-955A-4E72-92D5-D40F4A987F9C}"/>
            </a:ext>
          </a:extLst>
        </xdr:cNvPr>
        <xdr:cNvSpPr txBox="1"/>
      </xdr:nvSpPr>
      <xdr:spPr>
        <a:xfrm>
          <a:off x="13437244" y="17395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48426</xdr:rowOff>
    </xdr:from>
    <xdr:ext cx="405111" cy="259045"/>
    <xdr:sp macro="" textlink="">
      <xdr:nvSpPr>
        <xdr:cNvPr id="693" name="n_2aveValue【公民館】&#10;有形固定資産減価償却率">
          <a:extLst>
            <a:ext uri="{FF2B5EF4-FFF2-40B4-BE49-F238E27FC236}">
              <a16:creationId xmlns:a16="http://schemas.microsoft.com/office/drawing/2014/main" id="{640CF65D-A82C-4B46-9700-B37E4BCB9D3E}"/>
            </a:ext>
          </a:extLst>
        </xdr:cNvPr>
        <xdr:cNvSpPr txBox="1"/>
      </xdr:nvSpPr>
      <xdr:spPr>
        <a:xfrm>
          <a:off x="12675244" y="174153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23933</xdr:rowOff>
    </xdr:from>
    <xdr:ext cx="405111" cy="259045"/>
    <xdr:sp macro="" textlink="">
      <xdr:nvSpPr>
        <xdr:cNvPr id="694" name="n_3aveValue【公民館】&#10;有形固定資産減価償却率">
          <a:extLst>
            <a:ext uri="{FF2B5EF4-FFF2-40B4-BE49-F238E27FC236}">
              <a16:creationId xmlns:a16="http://schemas.microsoft.com/office/drawing/2014/main" id="{FBA8C96E-04A7-4FBE-897D-26F9A2FBE25F}"/>
            </a:ext>
          </a:extLst>
        </xdr:cNvPr>
        <xdr:cNvSpPr txBox="1"/>
      </xdr:nvSpPr>
      <xdr:spPr>
        <a:xfrm>
          <a:off x="11900544" y="17390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43527</xdr:rowOff>
    </xdr:from>
    <xdr:ext cx="405111" cy="259045"/>
    <xdr:sp macro="" textlink="">
      <xdr:nvSpPr>
        <xdr:cNvPr id="695" name="n_4aveValue【公民館】&#10;有形固定資産減価償却率">
          <a:extLst>
            <a:ext uri="{FF2B5EF4-FFF2-40B4-BE49-F238E27FC236}">
              <a16:creationId xmlns:a16="http://schemas.microsoft.com/office/drawing/2014/main" id="{550F7F36-6EC2-4C4E-8A0C-41DBDCF741AE}"/>
            </a:ext>
          </a:extLst>
        </xdr:cNvPr>
        <xdr:cNvSpPr txBox="1"/>
      </xdr:nvSpPr>
      <xdr:spPr>
        <a:xfrm>
          <a:off x="11102984" y="17410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49547</xdr:rowOff>
    </xdr:from>
    <xdr:ext cx="405111" cy="259045"/>
    <xdr:sp macro="" textlink="">
      <xdr:nvSpPr>
        <xdr:cNvPr id="696" name="n_1mainValue【公民館】&#10;有形固定資産減価償却率">
          <a:extLst>
            <a:ext uri="{FF2B5EF4-FFF2-40B4-BE49-F238E27FC236}">
              <a16:creationId xmlns:a16="http://schemas.microsoft.com/office/drawing/2014/main" id="{013D6157-BF58-4037-8135-A7996ABE4B18}"/>
            </a:ext>
          </a:extLst>
        </xdr:cNvPr>
        <xdr:cNvSpPr txBox="1"/>
      </xdr:nvSpPr>
      <xdr:spPr>
        <a:xfrm>
          <a:off x="13437244" y="1798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15257</xdr:rowOff>
    </xdr:from>
    <xdr:ext cx="405111" cy="259045"/>
    <xdr:sp macro="" textlink="">
      <xdr:nvSpPr>
        <xdr:cNvPr id="697" name="n_2mainValue【公民館】&#10;有形固定資産減価償却率">
          <a:extLst>
            <a:ext uri="{FF2B5EF4-FFF2-40B4-BE49-F238E27FC236}">
              <a16:creationId xmlns:a16="http://schemas.microsoft.com/office/drawing/2014/main" id="{FF083707-716C-4C72-9E2A-5D551A90BC67}"/>
            </a:ext>
          </a:extLst>
        </xdr:cNvPr>
        <xdr:cNvSpPr txBox="1"/>
      </xdr:nvSpPr>
      <xdr:spPr>
        <a:xfrm>
          <a:off x="12675244" y="17952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50784</xdr:rowOff>
    </xdr:from>
    <xdr:ext cx="405111" cy="259045"/>
    <xdr:sp macro="" textlink="">
      <xdr:nvSpPr>
        <xdr:cNvPr id="698" name="n_3mainValue【公民館】&#10;有形固定資産減価償却率">
          <a:extLst>
            <a:ext uri="{FF2B5EF4-FFF2-40B4-BE49-F238E27FC236}">
              <a16:creationId xmlns:a16="http://schemas.microsoft.com/office/drawing/2014/main" id="{A827044D-6DF2-46B1-80BC-36A0588E4E2C}"/>
            </a:ext>
          </a:extLst>
        </xdr:cNvPr>
        <xdr:cNvSpPr txBox="1"/>
      </xdr:nvSpPr>
      <xdr:spPr>
        <a:xfrm>
          <a:off x="11900544" y="17920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14861</xdr:rowOff>
    </xdr:from>
    <xdr:ext cx="405111" cy="259045"/>
    <xdr:sp macro="" textlink="">
      <xdr:nvSpPr>
        <xdr:cNvPr id="699" name="n_4mainValue【公民館】&#10;有形固定資産減価償却率">
          <a:extLst>
            <a:ext uri="{FF2B5EF4-FFF2-40B4-BE49-F238E27FC236}">
              <a16:creationId xmlns:a16="http://schemas.microsoft.com/office/drawing/2014/main" id="{91AD96D1-C1C6-4151-BE81-C632E25A52EE}"/>
            </a:ext>
          </a:extLst>
        </xdr:cNvPr>
        <xdr:cNvSpPr txBox="1"/>
      </xdr:nvSpPr>
      <xdr:spPr>
        <a:xfrm>
          <a:off x="11102984" y="17884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00" name="正方形/長方形 699">
          <a:extLst>
            <a:ext uri="{FF2B5EF4-FFF2-40B4-BE49-F238E27FC236}">
              <a16:creationId xmlns:a16="http://schemas.microsoft.com/office/drawing/2014/main" id="{77DC90E3-AD2F-492D-A803-1E9796B1C8CB}"/>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1" name="正方形/長方形 700">
          <a:extLst>
            <a:ext uri="{FF2B5EF4-FFF2-40B4-BE49-F238E27FC236}">
              <a16:creationId xmlns:a16="http://schemas.microsoft.com/office/drawing/2014/main" id="{E293EB2F-3C78-44F1-9AB7-85C301922358}"/>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2" name="正方形/長方形 701">
          <a:extLst>
            <a:ext uri="{FF2B5EF4-FFF2-40B4-BE49-F238E27FC236}">
              <a16:creationId xmlns:a16="http://schemas.microsoft.com/office/drawing/2014/main" id="{A988508B-790C-485C-A7E7-B441EBED146D}"/>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3" name="正方形/長方形 702">
          <a:extLst>
            <a:ext uri="{FF2B5EF4-FFF2-40B4-BE49-F238E27FC236}">
              <a16:creationId xmlns:a16="http://schemas.microsoft.com/office/drawing/2014/main" id="{9976A9C1-8CCA-4C87-AA09-DCA384FFAF97}"/>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4" name="正方形/長方形 703">
          <a:extLst>
            <a:ext uri="{FF2B5EF4-FFF2-40B4-BE49-F238E27FC236}">
              <a16:creationId xmlns:a16="http://schemas.microsoft.com/office/drawing/2014/main" id="{0FCCC575-8802-4D9D-9BE1-3301083790B6}"/>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5" name="正方形/長方形 704">
          <a:extLst>
            <a:ext uri="{FF2B5EF4-FFF2-40B4-BE49-F238E27FC236}">
              <a16:creationId xmlns:a16="http://schemas.microsoft.com/office/drawing/2014/main" id="{92644BBD-0AD3-48E3-9F07-BE4C6F9E8B6B}"/>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6" name="正方形/長方形 705">
          <a:extLst>
            <a:ext uri="{FF2B5EF4-FFF2-40B4-BE49-F238E27FC236}">
              <a16:creationId xmlns:a16="http://schemas.microsoft.com/office/drawing/2014/main" id="{B0B6E856-3104-4C05-9D27-DB9FA257A03B}"/>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7" name="正方形/長方形 706">
          <a:extLst>
            <a:ext uri="{FF2B5EF4-FFF2-40B4-BE49-F238E27FC236}">
              <a16:creationId xmlns:a16="http://schemas.microsoft.com/office/drawing/2014/main" id="{C01469F8-8D8E-4519-901F-55010409CDFE}"/>
            </a:ext>
          </a:extLst>
        </xdr:cNvPr>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8" name="テキスト ボックス 707">
          <a:extLst>
            <a:ext uri="{FF2B5EF4-FFF2-40B4-BE49-F238E27FC236}">
              <a16:creationId xmlns:a16="http://schemas.microsoft.com/office/drawing/2014/main" id="{93BE66B4-214F-4FF4-A28E-8EFBEB78C894}"/>
            </a:ext>
          </a:extLst>
        </xdr:cNvPr>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9" name="直線コネクタ 708">
          <a:extLst>
            <a:ext uri="{FF2B5EF4-FFF2-40B4-BE49-F238E27FC236}">
              <a16:creationId xmlns:a16="http://schemas.microsoft.com/office/drawing/2014/main" id="{5DA1BB53-1667-454B-AC12-71D3E8A30FCE}"/>
            </a:ext>
          </a:extLst>
        </xdr:cNvPr>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10" name="直線コネクタ 709">
          <a:extLst>
            <a:ext uri="{FF2B5EF4-FFF2-40B4-BE49-F238E27FC236}">
              <a16:creationId xmlns:a16="http://schemas.microsoft.com/office/drawing/2014/main" id="{4C182E6C-9E47-4653-8BD0-7F33E6841051}"/>
            </a:ext>
          </a:extLst>
        </xdr:cNvPr>
        <xdr:cNvCxnSpPr/>
      </xdr:nvCxnSpPr>
      <xdr:spPr>
        <a:xfrm>
          <a:off x="1609344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11" name="テキスト ボックス 710">
          <a:extLst>
            <a:ext uri="{FF2B5EF4-FFF2-40B4-BE49-F238E27FC236}">
              <a16:creationId xmlns:a16="http://schemas.microsoft.com/office/drawing/2014/main" id="{C5E6C579-D079-42BB-B8DB-CF5FDDD4F17C}"/>
            </a:ext>
          </a:extLst>
        </xdr:cNvPr>
        <xdr:cNvSpPr txBox="1"/>
      </xdr:nvSpPr>
      <xdr:spPr>
        <a:xfrm>
          <a:off x="1569484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12" name="直線コネクタ 711">
          <a:extLst>
            <a:ext uri="{FF2B5EF4-FFF2-40B4-BE49-F238E27FC236}">
              <a16:creationId xmlns:a16="http://schemas.microsoft.com/office/drawing/2014/main" id="{CEC9C79E-9B33-4583-85F8-FA08EF798697}"/>
            </a:ext>
          </a:extLst>
        </xdr:cNvPr>
        <xdr:cNvCxnSpPr/>
      </xdr:nvCxnSpPr>
      <xdr:spPr>
        <a:xfrm>
          <a:off x="1609344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13" name="テキスト ボックス 712">
          <a:extLst>
            <a:ext uri="{FF2B5EF4-FFF2-40B4-BE49-F238E27FC236}">
              <a16:creationId xmlns:a16="http://schemas.microsoft.com/office/drawing/2014/main" id="{F6B3088C-56D7-4084-A923-11DC2CA282B2}"/>
            </a:ext>
          </a:extLst>
        </xdr:cNvPr>
        <xdr:cNvSpPr txBox="1"/>
      </xdr:nvSpPr>
      <xdr:spPr>
        <a:xfrm>
          <a:off x="1569484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14" name="直線コネクタ 713">
          <a:extLst>
            <a:ext uri="{FF2B5EF4-FFF2-40B4-BE49-F238E27FC236}">
              <a16:creationId xmlns:a16="http://schemas.microsoft.com/office/drawing/2014/main" id="{5AD5F74D-FA14-4667-B166-BEE56A54B6CE}"/>
            </a:ext>
          </a:extLst>
        </xdr:cNvPr>
        <xdr:cNvCxnSpPr/>
      </xdr:nvCxnSpPr>
      <xdr:spPr>
        <a:xfrm>
          <a:off x="1609344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15" name="テキスト ボックス 714">
          <a:extLst>
            <a:ext uri="{FF2B5EF4-FFF2-40B4-BE49-F238E27FC236}">
              <a16:creationId xmlns:a16="http://schemas.microsoft.com/office/drawing/2014/main" id="{8A1055F9-1AE9-4BA7-8C4B-7A406765A870}"/>
            </a:ext>
          </a:extLst>
        </xdr:cNvPr>
        <xdr:cNvSpPr txBox="1"/>
      </xdr:nvSpPr>
      <xdr:spPr>
        <a:xfrm>
          <a:off x="1569484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16" name="直線コネクタ 715">
          <a:extLst>
            <a:ext uri="{FF2B5EF4-FFF2-40B4-BE49-F238E27FC236}">
              <a16:creationId xmlns:a16="http://schemas.microsoft.com/office/drawing/2014/main" id="{98F7ED02-63F3-42CF-A95F-8B6308CB026D}"/>
            </a:ext>
          </a:extLst>
        </xdr:cNvPr>
        <xdr:cNvCxnSpPr/>
      </xdr:nvCxnSpPr>
      <xdr:spPr>
        <a:xfrm>
          <a:off x="1609344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7" name="テキスト ボックス 716">
          <a:extLst>
            <a:ext uri="{FF2B5EF4-FFF2-40B4-BE49-F238E27FC236}">
              <a16:creationId xmlns:a16="http://schemas.microsoft.com/office/drawing/2014/main" id="{E9871901-4EB5-4B77-9017-E740682D9CBB}"/>
            </a:ext>
          </a:extLst>
        </xdr:cNvPr>
        <xdr:cNvSpPr txBox="1"/>
      </xdr:nvSpPr>
      <xdr:spPr>
        <a:xfrm>
          <a:off x="1569484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8" name="直線コネクタ 717">
          <a:extLst>
            <a:ext uri="{FF2B5EF4-FFF2-40B4-BE49-F238E27FC236}">
              <a16:creationId xmlns:a16="http://schemas.microsoft.com/office/drawing/2014/main" id="{57E38192-4810-427F-B925-473B32A8AE89}"/>
            </a:ext>
          </a:extLst>
        </xdr:cNvPr>
        <xdr:cNvCxnSpPr/>
      </xdr:nvCxnSpPr>
      <xdr:spPr>
        <a:xfrm>
          <a:off x="1609344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9" name="テキスト ボックス 718">
          <a:extLst>
            <a:ext uri="{FF2B5EF4-FFF2-40B4-BE49-F238E27FC236}">
              <a16:creationId xmlns:a16="http://schemas.microsoft.com/office/drawing/2014/main" id="{147A4095-EE87-4319-8FDC-F30237B7F008}"/>
            </a:ext>
          </a:extLst>
        </xdr:cNvPr>
        <xdr:cNvSpPr txBox="1"/>
      </xdr:nvSpPr>
      <xdr:spPr>
        <a:xfrm>
          <a:off x="1569484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0" name="直線コネクタ 719">
          <a:extLst>
            <a:ext uri="{FF2B5EF4-FFF2-40B4-BE49-F238E27FC236}">
              <a16:creationId xmlns:a16="http://schemas.microsoft.com/office/drawing/2014/main" id="{E2CDBEB6-AF90-4CAF-9089-D5850EBE4192}"/>
            </a:ext>
          </a:extLst>
        </xdr:cNvPr>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1" name="テキスト ボックス 720">
          <a:extLst>
            <a:ext uri="{FF2B5EF4-FFF2-40B4-BE49-F238E27FC236}">
              <a16:creationId xmlns:a16="http://schemas.microsoft.com/office/drawing/2014/main" id="{B8E77675-867C-4BD4-A758-7C88CEBE4816}"/>
            </a:ext>
          </a:extLst>
        </xdr:cNvPr>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2" name="【公民館】&#10;一人当たり面積グラフ枠">
          <a:extLst>
            <a:ext uri="{FF2B5EF4-FFF2-40B4-BE49-F238E27FC236}">
              <a16:creationId xmlns:a16="http://schemas.microsoft.com/office/drawing/2014/main" id="{0D527554-0328-438C-9CCA-411DD56E2AE4}"/>
            </a:ext>
          </a:extLst>
        </xdr:cNvPr>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0330</xdr:rowOff>
    </xdr:from>
    <xdr:to>
      <xdr:col>116</xdr:col>
      <xdr:colOff>62864</xdr:colOff>
      <xdr:row>108</xdr:row>
      <xdr:rowOff>142239</xdr:rowOff>
    </xdr:to>
    <xdr:cxnSp macro="">
      <xdr:nvCxnSpPr>
        <xdr:cNvPr id="723" name="直線コネクタ 722">
          <a:extLst>
            <a:ext uri="{FF2B5EF4-FFF2-40B4-BE49-F238E27FC236}">
              <a16:creationId xmlns:a16="http://schemas.microsoft.com/office/drawing/2014/main" id="{7303B1FB-4B01-4B0C-B999-5E24C685C5AB}"/>
            </a:ext>
          </a:extLst>
        </xdr:cNvPr>
        <xdr:cNvCxnSpPr/>
      </xdr:nvCxnSpPr>
      <xdr:spPr>
        <a:xfrm flipV="1">
          <a:off x="19509104" y="16864330"/>
          <a:ext cx="0" cy="13830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724" name="【公民館】&#10;一人当たり面積最小値テキスト">
          <a:extLst>
            <a:ext uri="{FF2B5EF4-FFF2-40B4-BE49-F238E27FC236}">
              <a16:creationId xmlns:a16="http://schemas.microsoft.com/office/drawing/2014/main" id="{B671D8AC-642D-4B06-8F2B-158ADCF434BE}"/>
            </a:ext>
          </a:extLst>
        </xdr:cNvPr>
        <xdr:cNvSpPr txBox="1"/>
      </xdr:nvSpPr>
      <xdr:spPr>
        <a:xfrm>
          <a:off x="19547840" y="182511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725" name="直線コネクタ 724">
          <a:extLst>
            <a:ext uri="{FF2B5EF4-FFF2-40B4-BE49-F238E27FC236}">
              <a16:creationId xmlns:a16="http://schemas.microsoft.com/office/drawing/2014/main" id="{F7E4F57B-4C90-4A55-8FF6-A95E1082DE33}"/>
            </a:ext>
          </a:extLst>
        </xdr:cNvPr>
        <xdr:cNvCxnSpPr/>
      </xdr:nvCxnSpPr>
      <xdr:spPr>
        <a:xfrm>
          <a:off x="19443700" y="182473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7007</xdr:rowOff>
    </xdr:from>
    <xdr:ext cx="469744" cy="259045"/>
    <xdr:sp macro="" textlink="">
      <xdr:nvSpPr>
        <xdr:cNvPr id="726" name="【公民館】&#10;一人当たり面積最大値テキスト">
          <a:extLst>
            <a:ext uri="{FF2B5EF4-FFF2-40B4-BE49-F238E27FC236}">
              <a16:creationId xmlns:a16="http://schemas.microsoft.com/office/drawing/2014/main" id="{862D5CF4-342E-4C69-ABBC-6B8F157F4DD2}"/>
            </a:ext>
          </a:extLst>
        </xdr:cNvPr>
        <xdr:cNvSpPr txBox="1"/>
      </xdr:nvSpPr>
      <xdr:spPr>
        <a:xfrm>
          <a:off x="19547840" y="1664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0330</xdr:rowOff>
    </xdr:from>
    <xdr:to>
      <xdr:col>116</xdr:col>
      <xdr:colOff>152400</xdr:colOff>
      <xdr:row>100</xdr:row>
      <xdr:rowOff>100330</xdr:rowOff>
    </xdr:to>
    <xdr:cxnSp macro="">
      <xdr:nvCxnSpPr>
        <xdr:cNvPr id="727" name="直線コネクタ 726">
          <a:extLst>
            <a:ext uri="{FF2B5EF4-FFF2-40B4-BE49-F238E27FC236}">
              <a16:creationId xmlns:a16="http://schemas.microsoft.com/office/drawing/2014/main" id="{4872F35A-5246-48D8-B359-AF24CF4E04AE}"/>
            </a:ext>
          </a:extLst>
        </xdr:cNvPr>
        <xdr:cNvCxnSpPr/>
      </xdr:nvCxnSpPr>
      <xdr:spPr>
        <a:xfrm>
          <a:off x="19443700" y="168643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35907</xdr:rowOff>
    </xdr:from>
    <xdr:ext cx="469744" cy="259045"/>
    <xdr:sp macro="" textlink="">
      <xdr:nvSpPr>
        <xdr:cNvPr id="728" name="【公民館】&#10;一人当たり面積平均値テキスト">
          <a:extLst>
            <a:ext uri="{FF2B5EF4-FFF2-40B4-BE49-F238E27FC236}">
              <a16:creationId xmlns:a16="http://schemas.microsoft.com/office/drawing/2014/main" id="{5E8D5F39-2246-414C-B450-499B7F401792}"/>
            </a:ext>
          </a:extLst>
        </xdr:cNvPr>
        <xdr:cNvSpPr txBox="1"/>
      </xdr:nvSpPr>
      <xdr:spPr>
        <a:xfrm>
          <a:off x="19547840" y="17738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3030</xdr:rowOff>
    </xdr:from>
    <xdr:to>
      <xdr:col>116</xdr:col>
      <xdr:colOff>114300</xdr:colOff>
      <xdr:row>107</xdr:row>
      <xdr:rowOff>43180</xdr:rowOff>
    </xdr:to>
    <xdr:sp macro="" textlink="">
      <xdr:nvSpPr>
        <xdr:cNvPr id="729" name="フローチャート: 判断 728">
          <a:extLst>
            <a:ext uri="{FF2B5EF4-FFF2-40B4-BE49-F238E27FC236}">
              <a16:creationId xmlns:a16="http://schemas.microsoft.com/office/drawing/2014/main" id="{02E83530-2F59-49A9-B878-EB69CFC71464}"/>
            </a:ext>
          </a:extLst>
        </xdr:cNvPr>
        <xdr:cNvSpPr/>
      </xdr:nvSpPr>
      <xdr:spPr>
        <a:xfrm>
          <a:off x="19458940" y="178828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23189</xdr:rowOff>
    </xdr:from>
    <xdr:to>
      <xdr:col>112</xdr:col>
      <xdr:colOff>38100</xdr:colOff>
      <xdr:row>107</xdr:row>
      <xdr:rowOff>53339</xdr:rowOff>
    </xdr:to>
    <xdr:sp macro="" textlink="">
      <xdr:nvSpPr>
        <xdr:cNvPr id="730" name="フローチャート: 判断 729">
          <a:extLst>
            <a:ext uri="{FF2B5EF4-FFF2-40B4-BE49-F238E27FC236}">
              <a16:creationId xmlns:a16="http://schemas.microsoft.com/office/drawing/2014/main" id="{1B8D9492-C1D7-425F-99C3-8B787FAB40AB}"/>
            </a:ext>
          </a:extLst>
        </xdr:cNvPr>
        <xdr:cNvSpPr/>
      </xdr:nvSpPr>
      <xdr:spPr>
        <a:xfrm>
          <a:off x="18735040" y="1789302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24461</xdr:rowOff>
    </xdr:from>
    <xdr:to>
      <xdr:col>107</xdr:col>
      <xdr:colOff>101600</xdr:colOff>
      <xdr:row>107</xdr:row>
      <xdr:rowOff>54611</xdr:rowOff>
    </xdr:to>
    <xdr:sp macro="" textlink="">
      <xdr:nvSpPr>
        <xdr:cNvPr id="731" name="フローチャート: 判断 730">
          <a:extLst>
            <a:ext uri="{FF2B5EF4-FFF2-40B4-BE49-F238E27FC236}">
              <a16:creationId xmlns:a16="http://schemas.microsoft.com/office/drawing/2014/main" id="{1B6E1A1C-16FA-4988-BF1D-2036D14085CF}"/>
            </a:ext>
          </a:extLst>
        </xdr:cNvPr>
        <xdr:cNvSpPr/>
      </xdr:nvSpPr>
      <xdr:spPr>
        <a:xfrm>
          <a:off x="17937480" y="178943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96520</xdr:rowOff>
    </xdr:from>
    <xdr:to>
      <xdr:col>102</xdr:col>
      <xdr:colOff>165100</xdr:colOff>
      <xdr:row>107</xdr:row>
      <xdr:rowOff>26670</xdr:rowOff>
    </xdr:to>
    <xdr:sp macro="" textlink="">
      <xdr:nvSpPr>
        <xdr:cNvPr id="732" name="フローチャート: 判断 731">
          <a:extLst>
            <a:ext uri="{FF2B5EF4-FFF2-40B4-BE49-F238E27FC236}">
              <a16:creationId xmlns:a16="http://schemas.microsoft.com/office/drawing/2014/main" id="{6491D4F8-5C61-4E33-9C04-5F9484767DC7}"/>
            </a:ext>
          </a:extLst>
        </xdr:cNvPr>
        <xdr:cNvSpPr/>
      </xdr:nvSpPr>
      <xdr:spPr>
        <a:xfrm>
          <a:off x="17162780" y="178663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06680</xdr:rowOff>
    </xdr:from>
    <xdr:to>
      <xdr:col>98</xdr:col>
      <xdr:colOff>38100</xdr:colOff>
      <xdr:row>107</xdr:row>
      <xdr:rowOff>36830</xdr:rowOff>
    </xdr:to>
    <xdr:sp macro="" textlink="">
      <xdr:nvSpPr>
        <xdr:cNvPr id="733" name="フローチャート: 判断 732">
          <a:extLst>
            <a:ext uri="{FF2B5EF4-FFF2-40B4-BE49-F238E27FC236}">
              <a16:creationId xmlns:a16="http://schemas.microsoft.com/office/drawing/2014/main" id="{70BF31DE-7756-4B5B-A658-AD8772C8500A}"/>
            </a:ext>
          </a:extLst>
        </xdr:cNvPr>
        <xdr:cNvSpPr/>
      </xdr:nvSpPr>
      <xdr:spPr>
        <a:xfrm>
          <a:off x="16388080" y="178765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id="{539BE384-A79F-4E0E-96D9-C8E24D66F6DC}"/>
            </a:ext>
          </a:extLst>
        </xdr:cNvPr>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5" name="テキスト ボックス 734">
          <a:extLst>
            <a:ext uri="{FF2B5EF4-FFF2-40B4-BE49-F238E27FC236}">
              <a16:creationId xmlns:a16="http://schemas.microsoft.com/office/drawing/2014/main" id="{D353D1AD-0C58-41C7-8B9D-4BDD5AF4CEEF}"/>
            </a:ext>
          </a:extLst>
        </xdr:cNvPr>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6" name="テキスト ボックス 735">
          <a:extLst>
            <a:ext uri="{FF2B5EF4-FFF2-40B4-BE49-F238E27FC236}">
              <a16:creationId xmlns:a16="http://schemas.microsoft.com/office/drawing/2014/main" id="{C1C5961C-796B-48DE-811A-361F945602EC}"/>
            </a:ext>
          </a:extLst>
        </xdr:cNvPr>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7" name="テキスト ボックス 736">
          <a:extLst>
            <a:ext uri="{FF2B5EF4-FFF2-40B4-BE49-F238E27FC236}">
              <a16:creationId xmlns:a16="http://schemas.microsoft.com/office/drawing/2014/main" id="{30EC0C08-9A8A-4F12-9838-75E6272C8C63}"/>
            </a:ext>
          </a:extLst>
        </xdr:cNvPr>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8" name="テキスト ボックス 737">
          <a:extLst>
            <a:ext uri="{FF2B5EF4-FFF2-40B4-BE49-F238E27FC236}">
              <a16:creationId xmlns:a16="http://schemas.microsoft.com/office/drawing/2014/main" id="{14AED348-982C-4C91-804B-E6F975E86B27}"/>
            </a:ext>
          </a:extLst>
        </xdr:cNvPr>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96520</xdr:rowOff>
    </xdr:from>
    <xdr:to>
      <xdr:col>116</xdr:col>
      <xdr:colOff>114300</xdr:colOff>
      <xdr:row>108</xdr:row>
      <xdr:rowOff>26670</xdr:rowOff>
    </xdr:to>
    <xdr:sp macro="" textlink="">
      <xdr:nvSpPr>
        <xdr:cNvPr id="739" name="楕円 738">
          <a:extLst>
            <a:ext uri="{FF2B5EF4-FFF2-40B4-BE49-F238E27FC236}">
              <a16:creationId xmlns:a16="http://schemas.microsoft.com/office/drawing/2014/main" id="{A0620833-16F5-4F9F-A9FC-95CA528709A4}"/>
            </a:ext>
          </a:extLst>
        </xdr:cNvPr>
        <xdr:cNvSpPr/>
      </xdr:nvSpPr>
      <xdr:spPr>
        <a:xfrm>
          <a:off x="19458940" y="180340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74947</xdr:rowOff>
    </xdr:from>
    <xdr:ext cx="469744" cy="259045"/>
    <xdr:sp macro="" textlink="">
      <xdr:nvSpPr>
        <xdr:cNvPr id="740" name="【公民館】&#10;一人当たり面積該当値テキスト">
          <a:extLst>
            <a:ext uri="{FF2B5EF4-FFF2-40B4-BE49-F238E27FC236}">
              <a16:creationId xmlns:a16="http://schemas.microsoft.com/office/drawing/2014/main" id="{5060BFF2-EAD0-4FAB-B275-15885EAEED7D}"/>
            </a:ext>
          </a:extLst>
        </xdr:cNvPr>
        <xdr:cNvSpPr txBox="1"/>
      </xdr:nvSpPr>
      <xdr:spPr>
        <a:xfrm>
          <a:off x="19547840" y="1801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99061</xdr:rowOff>
    </xdr:from>
    <xdr:to>
      <xdr:col>112</xdr:col>
      <xdr:colOff>38100</xdr:colOff>
      <xdr:row>108</xdr:row>
      <xdr:rowOff>29211</xdr:rowOff>
    </xdr:to>
    <xdr:sp macro="" textlink="">
      <xdr:nvSpPr>
        <xdr:cNvPr id="741" name="楕円 740">
          <a:extLst>
            <a:ext uri="{FF2B5EF4-FFF2-40B4-BE49-F238E27FC236}">
              <a16:creationId xmlns:a16="http://schemas.microsoft.com/office/drawing/2014/main" id="{AE2BC421-4852-49E6-B86B-F2F8BA841099}"/>
            </a:ext>
          </a:extLst>
        </xdr:cNvPr>
        <xdr:cNvSpPr/>
      </xdr:nvSpPr>
      <xdr:spPr>
        <a:xfrm>
          <a:off x="18735040" y="1803654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47320</xdr:rowOff>
    </xdr:from>
    <xdr:to>
      <xdr:col>116</xdr:col>
      <xdr:colOff>63500</xdr:colOff>
      <xdr:row>107</xdr:row>
      <xdr:rowOff>149861</xdr:rowOff>
    </xdr:to>
    <xdr:cxnSp macro="">
      <xdr:nvCxnSpPr>
        <xdr:cNvPr id="742" name="直線コネクタ 741">
          <a:extLst>
            <a:ext uri="{FF2B5EF4-FFF2-40B4-BE49-F238E27FC236}">
              <a16:creationId xmlns:a16="http://schemas.microsoft.com/office/drawing/2014/main" id="{20301453-02F6-4860-9247-7300977689B7}"/>
            </a:ext>
          </a:extLst>
        </xdr:cNvPr>
        <xdr:cNvCxnSpPr/>
      </xdr:nvCxnSpPr>
      <xdr:spPr>
        <a:xfrm flipV="1">
          <a:off x="18778220" y="18084800"/>
          <a:ext cx="731520" cy="2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01600</xdr:rowOff>
    </xdr:from>
    <xdr:to>
      <xdr:col>107</xdr:col>
      <xdr:colOff>101600</xdr:colOff>
      <xdr:row>108</xdr:row>
      <xdr:rowOff>31750</xdr:rowOff>
    </xdr:to>
    <xdr:sp macro="" textlink="">
      <xdr:nvSpPr>
        <xdr:cNvPr id="743" name="楕円 742">
          <a:extLst>
            <a:ext uri="{FF2B5EF4-FFF2-40B4-BE49-F238E27FC236}">
              <a16:creationId xmlns:a16="http://schemas.microsoft.com/office/drawing/2014/main" id="{AC0CE1FB-5958-498C-BFEC-EB134FC29DBF}"/>
            </a:ext>
          </a:extLst>
        </xdr:cNvPr>
        <xdr:cNvSpPr/>
      </xdr:nvSpPr>
      <xdr:spPr>
        <a:xfrm>
          <a:off x="17937480" y="180390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49861</xdr:rowOff>
    </xdr:from>
    <xdr:to>
      <xdr:col>111</xdr:col>
      <xdr:colOff>177800</xdr:colOff>
      <xdr:row>107</xdr:row>
      <xdr:rowOff>152400</xdr:rowOff>
    </xdr:to>
    <xdr:cxnSp macro="">
      <xdr:nvCxnSpPr>
        <xdr:cNvPr id="744" name="直線コネクタ 743">
          <a:extLst>
            <a:ext uri="{FF2B5EF4-FFF2-40B4-BE49-F238E27FC236}">
              <a16:creationId xmlns:a16="http://schemas.microsoft.com/office/drawing/2014/main" id="{27377B65-8BDE-4EBA-8C24-00F5E740CB41}"/>
            </a:ext>
          </a:extLst>
        </xdr:cNvPr>
        <xdr:cNvCxnSpPr/>
      </xdr:nvCxnSpPr>
      <xdr:spPr>
        <a:xfrm flipV="1">
          <a:off x="17988280" y="18087341"/>
          <a:ext cx="789940" cy="2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04139</xdr:rowOff>
    </xdr:from>
    <xdr:to>
      <xdr:col>102</xdr:col>
      <xdr:colOff>165100</xdr:colOff>
      <xdr:row>108</xdr:row>
      <xdr:rowOff>34289</xdr:rowOff>
    </xdr:to>
    <xdr:sp macro="" textlink="">
      <xdr:nvSpPr>
        <xdr:cNvPr id="745" name="楕円 744">
          <a:extLst>
            <a:ext uri="{FF2B5EF4-FFF2-40B4-BE49-F238E27FC236}">
              <a16:creationId xmlns:a16="http://schemas.microsoft.com/office/drawing/2014/main" id="{45BADBA5-21E2-4D96-9B96-839F95B9031E}"/>
            </a:ext>
          </a:extLst>
        </xdr:cNvPr>
        <xdr:cNvSpPr/>
      </xdr:nvSpPr>
      <xdr:spPr>
        <a:xfrm>
          <a:off x="17162780" y="180416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52400</xdr:rowOff>
    </xdr:from>
    <xdr:to>
      <xdr:col>107</xdr:col>
      <xdr:colOff>50800</xdr:colOff>
      <xdr:row>107</xdr:row>
      <xdr:rowOff>154939</xdr:rowOff>
    </xdr:to>
    <xdr:cxnSp macro="">
      <xdr:nvCxnSpPr>
        <xdr:cNvPr id="746" name="直線コネクタ 745">
          <a:extLst>
            <a:ext uri="{FF2B5EF4-FFF2-40B4-BE49-F238E27FC236}">
              <a16:creationId xmlns:a16="http://schemas.microsoft.com/office/drawing/2014/main" id="{3641A438-3DA7-4ECF-8173-948DADF1D294}"/>
            </a:ext>
          </a:extLst>
        </xdr:cNvPr>
        <xdr:cNvCxnSpPr/>
      </xdr:nvCxnSpPr>
      <xdr:spPr>
        <a:xfrm flipV="1">
          <a:off x="17213580" y="18089880"/>
          <a:ext cx="774700" cy="2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06680</xdr:rowOff>
    </xdr:from>
    <xdr:to>
      <xdr:col>98</xdr:col>
      <xdr:colOff>38100</xdr:colOff>
      <xdr:row>108</xdr:row>
      <xdr:rowOff>36830</xdr:rowOff>
    </xdr:to>
    <xdr:sp macro="" textlink="">
      <xdr:nvSpPr>
        <xdr:cNvPr id="747" name="楕円 746">
          <a:extLst>
            <a:ext uri="{FF2B5EF4-FFF2-40B4-BE49-F238E27FC236}">
              <a16:creationId xmlns:a16="http://schemas.microsoft.com/office/drawing/2014/main" id="{B94A2BA9-E861-4A94-A2DD-AF4615452C05}"/>
            </a:ext>
          </a:extLst>
        </xdr:cNvPr>
        <xdr:cNvSpPr/>
      </xdr:nvSpPr>
      <xdr:spPr>
        <a:xfrm>
          <a:off x="16388080" y="180441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54939</xdr:rowOff>
    </xdr:from>
    <xdr:to>
      <xdr:col>102</xdr:col>
      <xdr:colOff>114300</xdr:colOff>
      <xdr:row>107</xdr:row>
      <xdr:rowOff>157480</xdr:rowOff>
    </xdr:to>
    <xdr:cxnSp macro="">
      <xdr:nvCxnSpPr>
        <xdr:cNvPr id="748" name="直線コネクタ 747">
          <a:extLst>
            <a:ext uri="{FF2B5EF4-FFF2-40B4-BE49-F238E27FC236}">
              <a16:creationId xmlns:a16="http://schemas.microsoft.com/office/drawing/2014/main" id="{3E2EACA5-01FC-480E-88DF-6B37DD5DDE36}"/>
            </a:ext>
          </a:extLst>
        </xdr:cNvPr>
        <xdr:cNvCxnSpPr/>
      </xdr:nvCxnSpPr>
      <xdr:spPr>
        <a:xfrm flipV="1">
          <a:off x="16431260" y="18092419"/>
          <a:ext cx="782320" cy="2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69866</xdr:rowOff>
    </xdr:from>
    <xdr:ext cx="469744" cy="259045"/>
    <xdr:sp macro="" textlink="">
      <xdr:nvSpPr>
        <xdr:cNvPr id="749" name="n_1aveValue【公民館】&#10;一人当たり面積">
          <a:extLst>
            <a:ext uri="{FF2B5EF4-FFF2-40B4-BE49-F238E27FC236}">
              <a16:creationId xmlns:a16="http://schemas.microsoft.com/office/drawing/2014/main" id="{565B919D-D865-4FAD-90A2-EA13B2ACD566}"/>
            </a:ext>
          </a:extLst>
        </xdr:cNvPr>
        <xdr:cNvSpPr txBox="1"/>
      </xdr:nvSpPr>
      <xdr:spPr>
        <a:xfrm>
          <a:off x="18561127" y="17672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71138</xdr:rowOff>
    </xdr:from>
    <xdr:ext cx="469744" cy="259045"/>
    <xdr:sp macro="" textlink="">
      <xdr:nvSpPr>
        <xdr:cNvPr id="750" name="n_2aveValue【公民館】&#10;一人当たり面積">
          <a:extLst>
            <a:ext uri="{FF2B5EF4-FFF2-40B4-BE49-F238E27FC236}">
              <a16:creationId xmlns:a16="http://schemas.microsoft.com/office/drawing/2014/main" id="{9A64D772-6A57-44AD-8DEC-713850C59ED7}"/>
            </a:ext>
          </a:extLst>
        </xdr:cNvPr>
        <xdr:cNvSpPr txBox="1"/>
      </xdr:nvSpPr>
      <xdr:spPr>
        <a:xfrm>
          <a:off x="17776267" y="17673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43197</xdr:rowOff>
    </xdr:from>
    <xdr:ext cx="469744" cy="259045"/>
    <xdr:sp macro="" textlink="">
      <xdr:nvSpPr>
        <xdr:cNvPr id="751" name="n_3aveValue【公民館】&#10;一人当たり面積">
          <a:extLst>
            <a:ext uri="{FF2B5EF4-FFF2-40B4-BE49-F238E27FC236}">
              <a16:creationId xmlns:a16="http://schemas.microsoft.com/office/drawing/2014/main" id="{6B7CFE04-66A4-468B-8B42-7593B593FE88}"/>
            </a:ext>
          </a:extLst>
        </xdr:cNvPr>
        <xdr:cNvSpPr txBox="1"/>
      </xdr:nvSpPr>
      <xdr:spPr>
        <a:xfrm>
          <a:off x="17001567" y="17645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53357</xdr:rowOff>
    </xdr:from>
    <xdr:ext cx="469744" cy="259045"/>
    <xdr:sp macro="" textlink="">
      <xdr:nvSpPr>
        <xdr:cNvPr id="752" name="n_4aveValue【公民館】&#10;一人当たり面積">
          <a:extLst>
            <a:ext uri="{FF2B5EF4-FFF2-40B4-BE49-F238E27FC236}">
              <a16:creationId xmlns:a16="http://schemas.microsoft.com/office/drawing/2014/main" id="{8C63BC1F-C90F-4A6B-8737-98014B1BB4CA}"/>
            </a:ext>
          </a:extLst>
        </xdr:cNvPr>
        <xdr:cNvSpPr txBox="1"/>
      </xdr:nvSpPr>
      <xdr:spPr>
        <a:xfrm>
          <a:off x="16226867" y="17655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20338</xdr:rowOff>
    </xdr:from>
    <xdr:ext cx="469744" cy="259045"/>
    <xdr:sp macro="" textlink="">
      <xdr:nvSpPr>
        <xdr:cNvPr id="753" name="n_1mainValue【公民館】&#10;一人当たり面積">
          <a:extLst>
            <a:ext uri="{FF2B5EF4-FFF2-40B4-BE49-F238E27FC236}">
              <a16:creationId xmlns:a16="http://schemas.microsoft.com/office/drawing/2014/main" id="{9A9C80F6-ACE8-4EDE-87D2-4A736034FDD3}"/>
            </a:ext>
          </a:extLst>
        </xdr:cNvPr>
        <xdr:cNvSpPr txBox="1"/>
      </xdr:nvSpPr>
      <xdr:spPr>
        <a:xfrm>
          <a:off x="18561127" y="18125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22877</xdr:rowOff>
    </xdr:from>
    <xdr:ext cx="469744" cy="259045"/>
    <xdr:sp macro="" textlink="">
      <xdr:nvSpPr>
        <xdr:cNvPr id="754" name="n_2mainValue【公民館】&#10;一人当たり面積">
          <a:extLst>
            <a:ext uri="{FF2B5EF4-FFF2-40B4-BE49-F238E27FC236}">
              <a16:creationId xmlns:a16="http://schemas.microsoft.com/office/drawing/2014/main" id="{8D8E92F5-49A5-42C6-9558-51CFDB792EA1}"/>
            </a:ext>
          </a:extLst>
        </xdr:cNvPr>
        <xdr:cNvSpPr txBox="1"/>
      </xdr:nvSpPr>
      <xdr:spPr>
        <a:xfrm>
          <a:off x="17776267" y="18127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25416</xdr:rowOff>
    </xdr:from>
    <xdr:ext cx="469744" cy="259045"/>
    <xdr:sp macro="" textlink="">
      <xdr:nvSpPr>
        <xdr:cNvPr id="755" name="n_3mainValue【公民館】&#10;一人当たり面積">
          <a:extLst>
            <a:ext uri="{FF2B5EF4-FFF2-40B4-BE49-F238E27FC236}">
              <a16:creationId xmlns:a16="http://schemas.microsoft.com/office/drawing/2014/main" id="{68B4AAF4-3577-4A0F-81D0-2CF841330935}"/>
            </a:ext>
          </a:extLst>
        </xdr:cNvPr>
        <xdr:cNvSpPr txBox="1"/>
      </xdr:nvSpPr>
      <xdr:spPr>
        <a:xfrm>
          <a:off x="17001567" y="18130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27957</xdr:rowOff>
    </xdr:from>
    <xdr:ext cx="469744" cy="259045"/>
    <xdr:sp macro="" textlink="">
      <xdr:nvSpPr>
        <xdr:cNvPr id="756" name="n_4mainValue【公民館】&#10;一人当たり面積">
          <a:extLst>
            <a:ext uri="{FF2B5EF4-FFF2-40B4-BE49-F238E27FC236}">
              <a16:creationId xmlns:a16="http://schemas.microsoft.com/office/drawing/2014/main" id="{403B8206-75B8-4F10-AF7D-FCB590538C88}"/>
            </a:ext>
          </a:extLst>
        </xdr:cNvPr>
        <xdr:cNvSpPr txBox="1"/>
      </xdr:nvSpPr>
      <xdr:spPr>
        <a:xfrm>
          <a:off x="16226867" y="18133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7" name="正方形/長方形 756">
          <a:extLst>
            <a:ext uri="{FF2B5EF4-FFF2-40B4-BE49-F238E27FC236}">
              <a16:creationId xmlns:a16="http://schemas.microsoft.com/office/drawing/2014/main" id="{75DF9671-A64A-43D8-A339-1DC901B4A477}"/>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8" name="正方形/長方形 757">
          <a:extLst>
            <a:ext uri="{FF2B5EF4-FFF2-40B4-BE49-F238E27FC236}">
              <a16:creationId xmlns:a16="http://schemas.microsoft.com/office/drawing/2014/main" id="{6BB8A029-FE1E-4492-A4A9-77F388F918BD}"/>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9" name="テキスト ボックス 758">
          <a:extLst>
            <a:ext uri="{FF2B5EF4-FFF2-40B4-BE49-F238E27FC236}">
              <a16:creationId xmlns:a16="http://schemas.microsoft.com/office/drawing/2014/main" id="{964A0E6D-3338-4F13-8158-E473BC3A2F67}"/>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公営住宅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に公営住宅の建設及び老朽化施設の取り壊し等が進んだため、減価償却率が大きく減少している。</a:t>
          </a:r>
          <a:endParaRPr lang="ja-JP" altLang="ja-JP" sz="1400">
            <a:effectLst/>
          </a:endParaRPr>
        </a:p>
        <a:p>
          <a:r>
            <a:rPr kumimoji="1" lang="ja-JP" altLang="ja-JP" sz="1100">
              <a:solidFill>
                <a:schemeClr val="dk1"/>
              </a:solidFill>
              <a:effectLst/>
              <a:latin typeface="+mn-lt"/>
              <a:ea typeface="+mn-ea"/>
              <a:cs typeface="+mn-cs"/>
            </a:rPr>
            <a:t>学校施設は、令和３年度に松田小学校の新校舎建設工事が完了し、</a:t>
          </a:r>
          <a:r>
            <a:rPr kumimoji="1" lang="ja-JP" altLang="en-US" sz="1100">
              <a:solidFill>
                <a:schemeClr val="dk1"/>
              </a:solidFill>
              <a:effectLst/>
              <a:latin typeface="+mn-lt"/>
              <a:ea typeface="+mn-ea"/>
              <a:cs typeface="+mn-cs"/>
            </a:rPr>
            <a:t>令和４年度に松田小学校旧校舎解体及び松田小学校太陽光発電設備整備事業が完了したことにより、</a:t>
          </a:r>
          <a:r>
            <a:rPr kumimoji="1" lang="ja-JP" altLang="ja-JP" sz="1100">
              <a:solidFill>
                <a:schemeClr val="dk1"/>
              </a:solidFill>
              <a:effectLst/>
              <a:latin typeface="+mn-lt"/>
              <a:ea typeface="+mn-ea"/>
              <a:cs typeface="+mn-cs"/>
            </a:rPr>
            <a:t>減価償却率が大きく減少し、類似団体と比べると</a:t>
          </a:r>
          <a:r>
            <a:rPr kumimoji="1" lang="ja-JP" altLang="en-US" sz="1100">
              <a:solidFill>
                <a:schemeClr val="dk1"/>
              </a:solidFill>
              <a:effectLst/>
              <a:latin typeface="+mn-lt"/>
              <a:ea typeface="+mn-ea"/>
              <a:cs typeface="+mn-cs"/>
            </a:rPr>
            <a:t>低い</a:t>
          </a:r>
          <a:r>
            <a:rPr kumimoji="1" lang="ja-JP" altLang="ja-JP" sz="1100">
              <a:solidFill>
                <a:schemeClr val="dk1"/>
              </a:solidFill>
              <a:effectLst/>
              <a:latin typeface="+mn-lt"/>
              <a:ea typeface="+mn-ea"/>
              <a:cs typeface="+mn-cs"/>
            </a:rPr>
            <a:t>値になっている。</a:t>
          </a:r>
          <a:endParaRPr lang="ja-JP" altLang="ja-JP" sz="1400">
            <a:effectLst/>
          </a:endParaRPr>
        </a:p>
        <a:p>
          <a:r>
            <a:rPr kumimoji="1" lang="ja-JP" altLang="en-US" sz="1100">
              <a:solidFill>
                <a:schemeClr val="dk1"/>
              </a:solidFill>
              <a:effectLst/>
              <a:latin typeface="+mn-lt"/>
              <a:ea typeface="+mn-ea"/>
              <a:cs typeface="+mn-cs"/>
            </a:rPr>
            <a:t>その他の施設については</a:t>
          </a:r>
          <a:r>
            <a:rPr kumimoji="1" lang="ja-JP" altLang="ja-JP" sz="1100">
              <a:solidFill>
                <a:schemeClr val="dk1"/>
              </a:solidFill>
              <a:effectLst/>
              <a:latin typeface="+mn-lt"/>
              <a:ea typeface="+mn-ea"/>
              <a:cs typeface="+mn-cs"/>
            </a:rPr>
            <a:t>減価償却率が高いため、計画等に基づく適正な管理・更新を検討し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745E09DF-53AD-41B8-874D-14F2A14BF294}"/>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7F61BC9-ADBB-44F6-945D-7AF89060A6C2}"/>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11DEA78D-B194-460A-9A12-D6B66BD9DDD1}"/>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FEA3054B-1986-4620-8EFF-658D5D45F607}"/>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A4A66685-17F4-4BD6-98AA-4185F2543321}"/>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F1BA7F0B-2576-4B7F-9352-D12013C6AAF4}"/>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6C157A26-1E81-4D8D-B811-16B3A2B511F2}"/>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6638F43A-83E9-43D9-8FAE-6D4A7FF59E71}"/>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E7717EF9-2BFC-4B82-A96E-91E242DF4365}"/>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3BBA18E6-0DA2-48D0-994F-E576121BE994}"/>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DE7883E5-07E3-49A6-923C-D13BD0E0F27E}"/>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E86D9C36-2120-4C44-B838-2149D2660E6E}"/>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4D9B191A-0A88-436E-A7AB-6F5E2090D032}"/>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A7C32B7-B24D-430B-B6ED-1B8E5BE9A827}"/>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D1DD4807-821D-4646-8804-627E373140A6}"/>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2002E1A5-0EBA-46E2-B6FD-5D6BC13CB884}"/>
            </a:ext>
          </a:extLst>
        </xdr:cNvPr>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87C0B725-384D-4D4E-8674-E7ED7DC62B19}"/>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5A9A54E9-F291-4295-BE5C-96AE0A28CAB6}"/>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3FE841BE-5D69-4BFE-8479-ABB7F5496A33}"/>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70AD32C5-E2DE-41DB-8E77-6D278FCB75B4}"/>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72D319C-8DF6-413A-BB8D-B21DC09B903C}"/>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2F57B720-ADC1-4FDD-99E6-038E9D3A2BFA}"/>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670193AE-8076-40E0-9A65-27C6A54D2FB1}"/>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88470945-992F-4F10-B458-343BC3F8D418}"/>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A394DC8F-DC54-4299-8564-CF58534E423D}"/>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FFBB69A3-A47C-4D29-AD26-2AE3E578B306}"/>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958A5D17-611A-42E3-A7F1-00FF3772632E}"/>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6C3BAB09-2BAB-4B04-86BB-E23BD91BCA51}"/>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4A56EE0C-56DB-4340-943E-4FC4C9912056}"/>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82770795-E799-4844-82EF-9D0218CA37BD}"/>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C0CF960D-E674-4FCB-970D-3E4246C9B84D}"/>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39E3662F-CDC9-4C61-A004-3EBB4EBCF644}"/>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64DC4817-3600-421E-AAE8-993B244937BF}"/>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C9B094E2-30CA-4D3C-A784-2BA428036370}"/>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72D3419E-A108-423F-B121-326F7843152E}"/>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565EED11-96AF-4FA6-A6AB-67977193C2D5}"/>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5ED3FFD-5B30-49C5-8405-C3E99F71CFA7}"/>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7B967458-84DB-47BD-B1A7-4C60E4796F3D}"/>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9A9D6861-06FD-44B4-8F35-6E13B28D46A7}"/>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3F0DDF01-A86F-4970-B29C-CD3030CF45F6}"/>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2947C819-DA31-4386-B9F5-8F474AC89331}"/>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881D7F87-7931-40CD-9381-D29177A5ED81}"/>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F2BCAA6D-FCF0-4D9B-9E61-5827AFB5FC51}"/>
            </a:ext>
          </a:extLst>
        </xdr:cNvPr>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A6F712AA-355F-4B3A-BB6A-7DF59648DF67}"/>
            </a:ext>
          </a:extLst>
        </xdr:cNvPr>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37BA081F-7FD9-4DE4-9661-108D376A8D49}"/>
            </a:ext>
          </a:extLst>
        </xdr:cNvPr>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23E562AD-8901-4943-ACB8-9CEE39746DA1}"/>
            </a:ext>
          </a:extLst>
        </xdr:cNvPr>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7D972BD0-B954-4E76-94FE-CDB161BE9DFF}"/>
            </a:ext>
          </a:extLst>
        </xdr:cNvPr>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80094ADD-7F3D-4A6E-88C1-07315EAD0C81}"/>
            </a:ext>
          </a:extLst>
        </xdr:cNvPr>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14771ECD-DC9F-4CD4-BAA2-9AC72B97F288}"/>
            </a:ext>
          </a:extLst>
        </xdr:cNvPr>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76BEE360-970B-44B3-8FDA-4A296559D9E5}"/>
            </a:ext>
          </a:extLst>
        </xdr:cNvPr>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AB54950A-BA41-4650-B782-8739DE6FE28B}"/>
            </a:ext>
          </a:extLst>
        </xdr:cNvPr>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9FC11E13-EFC3-413C-A95D-17641C1C8CE8}"/>
            </a:ext>
          </a:extLst>
        </xdr:cNvPr>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9C83F52A-DC72-40BA-ADC7-5D56109AD4C5}"/>
            </a:ext>
          </a:extLst>
        </xdr:cNvPr>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E7000B38-5EDF-44CC-AD35-C9DD4B377F83}"/>
            </a:ext>
          </a:extLst>
        </xdr:cNvPr>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B0155A37-3926-4B23-87D9-42495C91D3E4}"/>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4350CDFA-312F-4ECD-A9D6-FE30DF4E3082}"/>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0886</xdr:rowOff>
    </xdr:from>
    <xdr:to>
      <xdr:col>24</xdr:col>
      <xdr:colOff>62865</xdr:colOff>
      <xdr:row>42</xdr:row>
      <xdr:rowOff>53340</xdr:rowOff>
    </xdr:to>
    <xdr:cxnSp macro="">
      <xdr:nvCxnSpPr>
        <xdr:cNvPr id="58" name="直線コネクタ 57">
          <a:extLst>
            <a:ext uri="{FF2B5EF4-FFF2-40B4-BE49-F238E27FC236}">
              <a16:creationId xmlns:a16="http://schemas.microsoft.com/office/drawing/2014/main" id="{1CF72C0B-32E1-463A-B53B-CB095BF64AE8}"/>
            </a:ext>
          </a:extLst>
        </xdr:cNvPr>
        <xdr:cNvCxnSpPr/>
      </xdr:nvCxnSpPr>
      <xdr:spPr>
        <a:xfrm flipV="1">
          <a:off x="4086225" y="5710646"/>
          <a:ext cx="0" cy="13835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57167</xdr:rowOff>
    </xdr:from>
    <xdr:ext cx="405111" cy="259045"/>
    <xdr:sp macro="" textlink="">
      <xdr:nvSpPr>
        <xdr:cNvPr id="59" name="【図書館】&#10;有形固定資産減価償却率最小値テキスト">
          <a:extLst>
            <a:ext uri="{FF2B5EF4-FFF2-40B4-BE49-F238E27FC236}">
              <a16:creationId xmlns:a16="http://schemas.microsoft.com/office/drawing/2014/main" id="{B8F9A2A9-E148-40BB-A98A-C1BCFB831285}"/>
            </a:ext>
          </a:extLst>
        </xdr:cNvPr>
        <xdr:cNvSpPr txBox="1"/>
      </xdr:nvSpPr>
      <xdr:spPr>
        <a:xfrm>
          <a:off x="4124960" y="709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53340</xdr:rowOff>
    </xdr:from>
    <xdr:to>
      <xdr:col>24</xdr:col>
      <xdr:colOff>152400</xdr:colOff>
      <xdr:row>42</xdr:row>
      <xdr:rowOff>53340</xdr:rowOff>
    </xdr:to>
    <xdr:cxnSp macro="">
      <xdr:nvCxnSpPr>
        <xdr:cNvPr id="60" name="直線コネクタ 59">
          <a:extLst>
            <a:ext uri="{FF2B5EF4-FFF2-40B4-BE49-F238E27FC236}">
              <a16:creationId xmlns:a16="http://schemas.microsoft.com/office/drawing/2014/main" id="{F79D1466-0804-4E6F-B847-FB272CAC9AFA}"/>
            </a:ext>
          </a:extLst>
        </xdr:cNvPr>
        <xdr:cNvCxnSpPr/>
      </xdr:nvCxnSpPr>
      <xdr:spPr>
        <a:xfrm>
          <a:off x="4020820" y="709422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9013</xdr:rowOff>
    </xdr:from>
    <xdr:ext cx="405111" cy="259045"/>
    <xdr:sp macro="" textlink="">
      <xdr:nvSpPr>
        <xdr:cNvPr id="61" name="【図書館】&#10;有形固定資産減価償却率最大値テキスト">
          <a:extLst>
            <a:ext uri="{FF2B5EF4-FFF2-40B4-BE49-F238E27FC236}">
              <a16:creationId xmlns:a16="http://schemas.microsoft.com/office/drawing/2014/main" id="{56FAEC6C-4148-47B3-8D94-60569C80142D}"/>
            </a:ext>
          </a:extLst>
        </xdr:cNvPr>
        <xdr:cNvSpPr txBox="1"/>
      </xdr:nvSpPr>
      <xdr:spPr>
        <a:xfrm>
          <a:off x="4124960" y="54934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0886</xdr:rowOff>
    </xdr:from>
    <xdr:to>
      <xdr:col>24</xdr:col>
      <xdr:colOff>152400</xdr:colOff>
      <xdr:row>34</xdr:row>
      <xdr:rowOff>10886</xdr:rowOff>
    </xdr:to>
    <xdr:cxnSp macro="">
      <xdr:nvCxnSpPr>
        <xdr:cNvPr id="62" name="直線コネクタ 61">
          <a:extLst>
            <a:ext uri="{FF2B5EF4-FFF2-40B4-BE49-F238E27FC236}">
              <a16:creationId xmlns:a16="http://schemas.microsoft.com/office/drawing/2014/main" id="{19EDD953-A287-4223-B579-58C01AEF5A61}"/>
            </a:ext>
          </a:extLst>
        </xdr:cNvPr>
        <xdr:cNvCxnSpPr/>
      </xdr:nvCxnSpPr>
      <xdr:spPr>
        <a:xfrm>
          <a:off x="4020820" y="571064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40113</xdr:rowOff>
    </xdr:from>
    <xdr:ext cx="405111" cy="259045"/>
    <xdr:sp macro="" textlink="">
      <xdr:nvSpPr>
        <xdr:cNvPr id="63" name="【図書館】&#10;有形固定資産減価償却率平均値テキスト">
          <a:extLst>
            <a:ext uri="{FF2B5EF4-FFF2-40B4-BE49-F238E27FC236}">
              <a16:creationId xmlns:a16="http://schemas.microsoft.com/office/drawing/2014/main" id="{7DDA6EDF-788B-4A84-9B14-B83EADBE3246}"/>
            </a:ext>
          </a:extLst>
        </xdr:cNvPr>
        <xdr:cNvSpPr txBox="1"/>
      </xdr:nvSpPr>
      <xdr:spPr>
        <a:xfrm>
          <a:off x="4124960" y="60751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7236</xdr:rowOff>
    </xdr:from>
    <xdr:to>
      <xdr:col>24</xdr:col>
      <xdr:colOff>114300</xdr:colOff>
      <xdr:row>37</xdr:row>
      <xdr:rowOff>118836</xdr:rowOff>
    </xdr:to>
    <xdr:sp macro="" textlink="">
      <xdr:nvSpPr>
        <xdr:cNvPr id="64" name="フローチャート: 判断 63">
          <a:extLst>
            <a:ext uri="{FF2B5EF4-FFF2-40B4-BE49-F238E27FC236}">
              <a16:creationId xmlns:a16="http://schemas.microsoft.com/office/drawing/2014/main" id="{75E80F1E-8BC9-4990-A064-295B8A0C5D1C}"/>
            </a:ext>
          </a:extLst>
        </xdr:cNvPr>
        <xdr:cNvSpPr/>
      </xdr:nvSpPr>
      <xdr:spPr>
        <a:xfrm>
          <a:off x="4036060" y="6219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072</xdr:rowOff>
    </xdr:from>
    <xdr:to>
      <xdr:col>20</xdr:col>
      <xdr:colOff>38100</xdr:colOff>
      <xdr:row>37</xdr:row>
      <xdr:rowOff>110672</xdr:rowOff>
    </xdr:to>
    <xdr:sp macro="" textlink="">
      <xdr:nvSpPr>
        <xdr:cNvPr id="65" name="フローチャート: 判断 64">
          <a:extLst>
            <a:ext uri="{FF2B5EF4-FFF2-40B4-BE49-F238E27FC236}">
              <a16:creationId xmlns:a16="http://schemas.microsoft.com/office/drawing/2014/main" id="{289357CB-B3BC-4E7B-834C-2DC7736E3B9F}"/>
            </a:ext>
          </a:extLst>
        </xdr:cNvPr>
        <xdr:cNvSpPr/>
      </xdr:nvSpPr>
      <xdr:spPr>
        <a:xfrm>
          <a:off x="3312160" y="621175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7439</xdr:rowOff>
    </xdr:from>
    <xdr:to>
      <xdr:col>15</xdr:col>
      <xdr:colOff>101600</xdr:colOff>
      <xdr:row>37</xdr:row>
      <xdr:rowOff>109039</xdr:rowOff>
    </xdr:to>
    <xdr:sp macro="" textlink="">
      <xdr:nvSpPr>
        <xdr:cNvPr id="66" name="フローチャート: 判断 65">
          <a:extLst>
            <a:ext uri="{FF2B5EF4-FFF2-40B4-BE49-F238E27FC236}">
              <a16:creationId xmlns:a16="http://schemas.microsoft.com/office/drawing/2014/main" id="{55236B36-3374-4260-8917-D18BB5F9D51A}"/>
            </a:ext>
          </a:extLst>
        </xdr:cNvPr>
        <xdr:cNvSpPr/>
      </xdr:nvSpPr>
      <xdr:spPr>
        <a:xfrm>
          <a:off x="2514600" y="6210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36830</xdr:rowOff>
    </xdr:from>
    <xdr:to>
      <xdr:col>10</xdr:col>
      <xdr:colOff>165100</xdr:colOff>
      <xdr:row>37</xdr:row>
      <xdr:rowOff>138430</xdr:rowOff>
    </xdr:to>
    <xdr:sp macro="" textlink="">
      <xdr:nvSpPr>
        <xdr:cNvPr id="67" name="フローチャート: 判断 66">
          <a:extLst>
            <a:ext uri="{FF2B5EF4-FFF2-40B4-BE49-F238E27FC236}">
              <a16:creationId xmlns:a16="http://schemas.microsoft.com/office/drawing/2014/main" id="{934793A2-38E7-4859-A192-3510CBFA4CE2}"/>
            </a:ext>
          </a:extLst>
        </xdr:cNvPr>
        <xdr:cNvSpPr/>
      </xdr:nvSpPr>
      <xdr:spPr>
        <a:xfrm>
          <a:off x="1739900" y="623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2540</xdr:rowOff>
    </xdr:from>
    <xdr:to>
      <xdr:col>6</xdr:col>
      <xdr:colOff>38100</xdr:colOff>
      <xdr:row>37</xdr:row>
      <xdr:rowOff>104140</xdr:rowOff>
    </xdr:to>
    <xdr:sp macro="" textlink="">
      <xdr:nvSpPr>
        <xdr:cNvPr id="68" name="フローチャート: 判断 67">
          <a:extLst>
            <a:ext uri="{FF2B5EF4-FFF2-40B4-BE49-F238E27FC236}">
              <a16:creationId xmlns:a16="http://schemas.microsoft.com/office/drawing/2014/main" id="{28D2169F-8CBD-4CE9-AD85-3DF185712B25}"/>
            </a:ext>
          </a:extLst>
        </xdr:cNvPr>
        <xdr:cNvSpPr/>
      </xdr:nvSpPr>
      <xdr:spPr>
        <a:xfrm>
          <a:off x="965200" y="62052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ADDF89D3-5295-41BB-8846-3405109182ED}"/>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15D15021-8EBF-41D9-B9F8-CE0480D724E5}"/>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457A1727-986D-4EDD-9D55-26AC1F38F5FB}"/>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6D632377-2A3E-4C8C-AAC1-C9670CC65AA4}"/>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CBC6C678-44F0-41DA-BB24-8A79DD7C52B8}"/>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30299</xdr:rowOff>
    </xdr:from>
    <xdr:to>
      <xdr:col>24</xdr:col>
      <xdr:colOff>114300</xdr:colOff>
      <xdr:row>40</xdr:row>
      <xdr:rowOff>131899</xdr:rowOff>
    </xdr:to>
    <xdr:sp macro="" textlink="">
      <xdr:nvSpPr>
        <xdr:cNvPr id="74" name="楕円 73">
          <a:extLst>
            <a:ext uri="{FF2B5EF4-FFF2-40B4-BE49-F238E27FC236}">
              <a16:creationId xmlns:a16="http://schemas.microsoft.com/office/drawing/2014/main" id="{B21DEF96-2D33-43EB-97FC-9812E046BC37}"/>
            </a:ext>
          </a:extLst>
        </xdr:cNvPr>
        <xdr:cNvSpPr/>
      </xdr:nvSpPr>
      <xdr:spPr>
        <a:xfrm>
          <a:off x="4036060" y="6735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8726</xdr:rowOff>
    </xdr:from>
    <xdr:ext cx="405111" cy="259045"/>
    <xdr:sp macro="" textlink="">
      <xdr:nvSpPr>
        <xdr:cNvPr id="75" name="【図書館】&#10;有形固定資産減価償却率該当値テキスト">
          <a:extLst>
            <a:ext uri="{FF2B5EF4-FFF2-40B4-BE49-F238E27FC236}">
              <a16:creationId xmlns:a16="http://schemas.microsoft.com/office/drawing/2014/main" id="{CF9DE865-5385-4ADD-9C8C-94511A9C87FF}"/>
            </a:ext>
          </a:extLst>
        </xdr:cNvPr>
        <xdr:cNvSpPr txBox="1"/>
      </xdr:nvSpPr>
      <xdr:spPr>
        <a:xfrm>
          <a:off x="4124960" y="67143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13970</xdr:rowOff>
    </xdr:from>
    <xdr:to>
      <xdr:col>20</xdr:col>
      <xdr:colOff>38100</xdr:colOff>
      <xdr:row>40</xdr:row>
      <xdr:rowOff>115570</xdr:rowOff>
    </xdr:to>
    <xdr:sp macro="" textlink="">
      <xdr:nvSpPr>
        <xdr:cNvPr id="76" name="楕円 75">
          <a:extLst>
            <a:ext uri="{FF2B5EF4-FFF2-40B4-BE49-F238E27FC236}">
              <a16:creationId xmlns:a16="http://schemas.microsoft.com/office/drawing/2014/main" id="{28FFA397-B9B9-441E-BE57-3F69A9AE3923}"/>
            </a:ext>
          </a:extLst>
        </xdr:cNvPr>
        <xdr:cNvSpPr/>
      </xdr:nvSpPr>
      <xdr:spPr>
        <a:xfrm>
          <a:off x="3312160" y="671957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64770</xdr:rowOff>
    </xdr:from>
    <xdr:to>
      <xdr:col>24</xdr:col>
      <xdr:colOff>63500</xdr:colOff>
      <xdr:row>40</xdr:row>
      <xdr:rowOff>81099</xdr:rowOff>
    </xdr:to>
    <xdr:cxnSp macro="">
      <xdr:nvCxnSpPr>
        <xdr:cNvPr id="77" name="直線コネクタ 76">
          <a:extLst>
            <a:ext uri="{FF2B5EF4-FFF2-40B4-BE49-F238E27FC236}">
              <a16:creationId xmlns:a16="http://schemas.microsoft.com/office/drawing/2014/main" id="{213A5D39-E815-43B0-B92F-E07EDBFF888B}"/>
            </a:ext>
          </a:extLst>
        </xdr:cNvPr>
        <xdr:cNvCxnSpPr/>
      </xdr:nvCxnSpPr>
      <xdr:spPr>
        <a:xfrm>
          <a:off x="3355340" y="6770370"/>
          <a:ext cx="73152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151130</xdr:rowOff>
    </xdr:from>
    <xdr:to>
      <xdr:col>15</xdr:col>
      <xdr:colOff>101600</xdr:colOff>
      <xdr:row>40</xdr:row>
      <xdr:rowOff>81280</xdr:rowOff>
    </xdr:to>
    <xdr:sp macro="" textlink="">
      <xdr:nvSpPr>
        <xdr:cNvPr id="78" name="楕円 77">
          <a:extLst>
            <a:ext uri="{FF2B5EF4-FFF2-40B4-BE49-F238E27FC236}">
              <a16:creationId xmlns:a16="http://schemas.microsoft.com/office/drawing/2014/main" id="{0262E6D6-4FC1-48C9-A0FE-DCEFBEF9E00D}"/>
            </a:ext>
          </a:extLst>
        </xdr:cNvPr>
        <xdr:cNvSpPr/>
      </xdr:nvSpPr>
      <xdr:spPr>
        <a:xfrm>
          <a:off x="2514600" y="66890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30480</xdr:rowOff>
    </xdr:from>
    <xdr:to>
      <xdr:col>19</xdr:col>
      <xdr:colOff>177800</xdr:colOff>
      <xdr:row>40</xdr:row>
      <xdr:rowOff>64770</xdr:rowOff>
    </xdr:to>
    <xdr:cxnSp macro="">
      <xdr:nvCxnSpPr>
        <xdr:cNvPr id="79" name="直線コネクタ 78">
          <a:extLst>
            <a:ext uri="{FF2B5EF4-FFF2-40B4-BE49-F238E27FC236}">
              <a16:creationId xmlns:a16="http://schemas.microsoft.com/office/drawing/2014/main" id="{3425CB9C-2384-4987-BE1D-742009EA210B}"/>
            </a:ext>
          </a:extLst>
        </xdr:cNvPr>
        <xdr:cNvCxnSpPr/>
      </xdr:nvCxnSpPr>
      <xdr:spPr>
        <a:xfrm>
          <a:off x="2565400" y="6736080"/>
          <a:ext cx="78994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115207</xdr:rowOff>
    </xdr:from>
    <xdr:to>
      <xdr:col>10</xdr:col>
      <xdr:colOff>165100</xdr:colOff>
      <xdr:row>40</xdr:row>
      <xdr:rowOff>45357</xdr:rowOff>
    </xdr:to>
    <xdr:sp macro="" textlink="">
      <xdr:nvSpPr>
        <xdr:cNvPr id="80" name="楕円 79">
          <a:extLst>
            <a:ext uri="{FF2B5EF4-FFF2-40B4-BE49-F238E27FC236}">
              <a16:creationId xmlns:a16="http://schemas.microsoft.com/office/drawing/2014/main" id="{479D802D-E97B-4155-A20A-F600E13D96A2}"/>
            </a:ext>
          </a:extLst>
        </xdr:cNvPr>
        <xdr:cNvSpPr/>
      </xdr:nvSpPr>
      <xdr:spPr>
        <a:xfrm>
          <a:off x="1739900" y="665316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66007</xdr:rowOff>
    </xdr:from>
    <xdr:to>
      <xdr:col>15</xdr:col>
      <xdr:colOff>50800</xdr:colOff>
      <xdr:row>40</xdr:row>
      <xdr:rowOff>30480</xdr:rowOff>
    </xdr:to>
    <xdr:cxnSp macro="">
      <xdr:nvCxnSpPr>
        <xdr:cNvPr id="81" name="直線コネクタ 80">
          <a:extLst>
            <a:ext uri="{FF2B5EF4-FFF2-40B4-BE49-F238E27FC236}">
              <a16:creationId xmlns:a16="http://schemas.microsoft.com/office/drawing/2014/main" id="{3DB07FCE-6DBB-4364-9E8C-D2E99C418430}"/>
            </a:ext>
          </a:extLst>
        </xdr:cNvPr>
        <xdr:cNvCxnSpPr/>
      </xdr:nvCxnSpPr>
      <xdr:spPr>
        <a:xfrm>
          <a:off x="1790700" y="6703967"/>
          <a:ext cx="774700" cy="32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79284</xdr:rowOff>
    </xdr:from>
    <xdr:to>
      <xdr:col>6</xdr:col>
      <xdr:colOff>38100</xdr:colOff>
      <xdr:row>40</xdr:row>
      <xdr:rowOff>9434</xdr:rowOff>
    </xdr:to>
    <xdr:sp macro="" textlink="">
      <xdr:nvSpPr>
        <xdr:cNvPr id="82" name="楕円 81">
          <a:extLst>
            <a:ext uri="{FF2B5EF4-FFF2-40B4-BE49-F238E27FC236}">
              <a16:creationId xmlns:a16="http://schemas.microsoft.com/office/drawing/2014/main" id="{5287E1C9-E70D-455A-A989-FE66BA88436A}"/>
            </a:ext>
          </a:extLst>
        </xdr:cNvPr>
        <xdr:cNvSpPr/>
      </xdr:nvSpPr>
      <xdr:spPr>
        <a:xfrm>
          <a:off x="965200" y="661724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30084</xdr:rowOff>
    </xdr:from>
    <xdr:to>
      <xdr:col>10</xdr:col>
      <xdr:colOff>114300</xdr:colOff>
      <xdr:row>39</xdr:row>
      <xdr:rowOff>166007</xdr:rowOff>
    </xdr:to>
    <xdr:cxnSp macro="">
      <xdr:nvCxnSpPr>
        <xdr:cNvPr id="83" name="直線コネクタ 82">
          <a:extLst>
            <a:ext uri="{FF2B5EF4-FFF2-40B4-BE49-F238E27FC236}">
              <a16:creationId xmlns:a16="http://schemas.microsoft.com/office/drawing/2014/main" id="{33710BD6-EBD9-440F-A544-247CFCEFAD0B}"/>
            </a:ext>
          </a:extLst>
        </xdr:cNvPr>
        <xdr:cNvCxnSpPr/>
      </xdr:nvCxnSpPr>
      <xdr:spPr>
        <a:xfrm>
          <a:off x="1008380" y="6668044"/>
          <a:ext cx="78232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27199</xdr:rowOff>
    </xdr:from>
    <xdr:ext cx="405111" cy="259045"/>
    <xdr:sp macro="" textlink="">
      <xdr:nvSpPr>
        <xdr:cNvPr id="84" name="n_1aveValue【図書館】&#10;有形固定資産減価償却率">
          <a:extLst>
            <a:ext uri="{FF2B5EF4-FFF2-40B4-BE49-F238E27FC236}">
              <a16:creationId xmlns:a16="http://schemas.microsoft.com/office/drawing/2014/main" id="{2F1D0957-D93D-44E5-866A-B034048E43B3}"/>
            </a:ext>
          </a:extLst>
        </xdr:cNvPr>
        <xdr:cNvSpPr txBox="1"/>
      </xdr:nvSpPr>
      <xdr:spPr>
        <a:xfrm>
          <a:off x="3170564" y="599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5566</xdr:rowOff>
    </xdr:from>
    <xdr:ext cx="405111" cy="259045"/>
    <xdr:sp macro="" textlink="">
      <xdr:nvSpPr>
        <xdr:cNvPr id="85" name="n_2aveValue【図書館】&#10;有形固定資産減価償却率">
          <a:extLst>
            <a:ext uri="{FF2B5EF4-FFF2-40B4-BE49-F238E27FC236}">
              <a16:creationId xmlns:a16="http://schemas.microsoft.com/office/drawing/2014/main" id="{CE14FDD3-5FCA-40CC-8596-4BCF1EDFC40A}"/>
            </a:ext>
          </a:extLst>
        </xdr:cNvPr>
        <xdr:cNvSpPr txBox="1"/>
      </xdr:nvSpPr>
      <xdr:spPr>
        <a:xfrm>
          <a:off x="2385704" y="5992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54957</xdr:rowOff>
    </xdr:from>
    <xdr:ext cx="405111" cy="259045"/>
    <xdr:sp macro="" textlink="">
      <xdr:nvSpPr>
        <xdr:cNvPr id="86" name="n_3aveValue【図書館】&#10;有形固定資産減価償却率">
          <a:extLst>
            <a:ext uri="{FF2B5EF4-FFF2-40B4-BE49-F238E27FC236}">
              <a16:creationId xmlns:a16="http://schemas.microsoft.com/office/drawing/2014/main" id="{C31385B7-5242-4372-BF3C-5FB2469772AE}"/>
            </a:ext>
          </a:extLst>
        </xdr:cNvPr>
        <xdr:cNvSpPr txBox="1"/>
      </xdr:nvSpPr>
      <xdr:spPr>
        <a:xfrm>
          <a:off x="1611004" y="602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0667</xdr:rowOff>
    </xdr:from>
    <xdr:ext cx="405111" cy="259045"/>
    <xdr:sp macro="" textlink="">
      <xdr:nvSpPr>
        <xdr:cNvPr id="87" name="n_4aveValue【図書館】&#10;有形固定資産減価償却率">
          <a:extLst>
            <a:ext uri="{FF2B5EF4-FFF2-40B4-BE49-F238E27FC236}">
              <a16:creationId xmlns:a16="http://schemas.microsoft.com/office/drawing/2014/main" id="{8ABEC34A-DB36-45DF-8B1A-43BBD71198F0}"/>
            </a:ext>
          </a:extLst>
        </xdr:cNvPr>
        <xdr:cNvSpPr txBox="1"/>
      </xdr:nvSpPr>
      <xdr:spPr>
        <a:xfrm>
          <a:off x="836304" y="598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106697</xdr:rowOff>
    </xdr:from>
    <xdr:ext cx="405111" cy="259045"/>
    <xdr:sp macro="" textlink="">
      <xdr:nvSpPr>
        <xdr:cNvPr id="88" name="n_1mainValue【図書館】&#10;有形固定資産減価償却率">
          <a:extLst>
            <a:ext uri="{FF2B5EF4-FFF2-40B4-BE49-F238E27FC236}">
              <a16:creationId xmlns:a16="http://schemas.microsoft.com/office/drawing/2014/main" id="{DE24C6E8-6AE7-48F4-8F99-B1B6496B9B11}"/>
            </a:ext>
          </a:extLst>
        </xdr:cNvPr>
        <xdr:cNvSpPr txBox="1"/>
      </xdr:nvSpPr>
      <xdr:spPr>
        <a:xfrm>
          <a:off x="3170564" y="6812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72407</xdr:rowOff>
    </xdr:from>
    <xdr:ext cx="405111" cy="259045"/>
    <xdr:sp macro="" textlink="">
      <xdr:nvSpPr>
        <xdr:cNvPr id="89" name="n_2mainValue【図書館】&#10;有形固定資産減価償却率">
          <a:extLst>
            <a:ext uri="{FF2B5EF4-FFF2-40B4-BE49-F238E27FC236}">
              <a16:creationId xmlns:a16="http://schemas.microsoft.com/office/drawing/2014/main" id="{929B3A87-58BD-45D6-9F6A-AB97AF039BAE}"/>
            </a:ext>
          </a:extLst>
        </xdr:cNvPr>
        <xdr:cNvSpPr txBox="1"/>
      </xdr:nvSpPr>
      <xdr:spPr>
        <a:xfrm>
          <a:off x="2385704" y="6778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36484</xdr:rowOff>
    </xdr:from>
    <xdr:ext cx="405111" cy="259045"/>
    <xdr:sp macro="" textlink="">
      <xdr:nvSpPr>
        <xdr:cNvPr id="90" name="n_3mainValue【図書館】&#10;有形固定資産減価償却率">
          <a:extLst>
            <a:ext uri="{FF2B5EF4-FFF2-40B4-BE49-F238E27FC236}">
              <a16:creationId xmlns:a16="http://schemas.microsoft.com/office/drawing/2014/main" id="{62254623-9409-408D-B51E-C756301100B4}"/>
            </a:ext>
          </a:extLst>
        </xdr:cNvPr>
        <xdr:cNvSpPr txBox="1"/>
      </xdr:nvSpPr>
      <xdr:spPr>
        <a:xfrm>
          <a:off x="1611004" y="6742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561</xdr:rowOff>
    </xdr:from>
    <xdr:ext cx="405111" cy="259045"/>
    <xdr:sp macro="" textlink="">
      <xdr:nvSpPr>
        <xdr:cNvPr id="91" name="n_4mainValue【図書館】&#10;有形固定資産減価償却率">
          <a:extLst>
            <a:ext uri="{FF2B5EF4-FFF2-40B4-BE49-F238E27FC236}">
              <a16:creationId xmlns:a16="http://schemas.microsoft.com/office/drawing/2014/main" id="{F9EA8148-C22B-43BB-A4BE-DADC73FDBBEF}"/>
            </a:ext>
          </a:extLst>
        </xdr:cNvPr>
        <xdr:cNvSpPr txBox="1"/>
      </xdr:nvSpPr>
      <xdr:spPr>
        <a:xfrm>
          <a:off x="836304" y="6706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17B0E364-D41C-45E6-888A-57BD248EFEFA}"/>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14910F2F-75DF-42E8-A264-A404C464E2ED}"/>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52652D2D-107C-455E-91EE-AC04F8626B30}"/>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7705DD40-C9E9-4E15-9EB9-5DDDBB4BA619}"/>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210E2E22-1718-420C-93D6-80D18CA0EF2E}"/>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6E9182B9-AB95-4DF5-B6E6-38D5971B063E}"/>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1BEA32D8-1EC8-4E2B-B5BE-A28B046F234C}"/>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6AFD0734-0512-4EF8-8071-DA58C0B52C03}"/>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B560BC90-3037-496B-93D7-B2928EAE78C9}"/>
            </a:ext>
          </a:extLst>
        </xdr:cNvPr>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31047539-F361-43E3-8F3D-370A029761B7}"/>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B47AB0EE-BBA0-461A-9A20-3643AA8FA9BA}"/>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82A5B2CF-7696-4D04-A64C-F0DF0E90ED40}"/>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7C6D4113-B40A-461E-8DAF-9FB797CD69B6}"/>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58A5A2EB-124A-4DA9-A755-73BF2818E117}"/>
            </a:ext>
          </a:extLst>
        </xdr:cNvPr>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6086E554-EAD9-4C25-9924-684AFC7A0654}"/>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8F26974A-D1CA-4BF9-B724-B0966AD58D5F}"/>
            </a:ext>
          </a:extLst>
        </xdr:cNvPr>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2B8C163A-11DD-4375-BC92-974DA4D709BE}"/>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659FD7DC-5C0B-4981-B6DC-DB48FBD00DCC}"/>
            </a:ext>
          </a:extLst>
        </xdr:cNvPr>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A8F8AED0-D78B-442F-A11E-4F2C670835D6}"/>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FD7DD6D9-4CAE-4CCD-A2F4-B57D9D0B044D}"/>
            </a:ext>
          </a:extLst>
        </xdr:cNvPr>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375B49AA-E9A4-4E1A-932F-9E21B4A52795}"/>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39BE6E66-3896-49AC-8490-22ED82CA8812}"/>
            </a:ext>
          </a:extLst>
        </xdr:cNvPr>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AF82F780-D6B8-4610-97F8-7FF57D7EFACD}"/>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8110</xdr:rowOff>
    </xdr:from>
    <xdr:to>
      <xdr:col>54</xdr:col>
      <xdr:colOff>189865</xdr:colOff>
      <xdr:row>41</xdr:row>
      <xdr:rowOff>167640</xdr:rowOff>
    </xdr:to>
    <xdr:cxnSp macro="">
      <xdr:nvCxnSpPr>
        <xdr:cNvPr id="115" name="直線コネクタ 114">
          <a:extLst>
            <a:ext uri="{FF2B5EF4-FFF2-40B4-BE49-F238E27FC236}">
              <a16:creationId xmlns:a16="http://schemas.microsoft.com/office/drawing/2014/main" id="{42693DCA-51F7-4E0E-BCF1-F4BA249F1E53}"/>
            </a:ext>
          </a:extLst>
        </xdr:cNvPr>
        <xdr:cNvCxnSpPr/>
      </xdr:nvCxnSpPr>
      <xdr:spPr>
        <a:xfrm flipV="1">
          <a:off x="9219565" y="5482590"/>
          <a:ext cx="0" cy="155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7</xdr:rowOff>
    </xdr:from>
    <xdr:ext cx="469744" cy="259045"/>
    <xdr:sp macro="" textlink="">
      <xdr:nvSpPr>
        <xdr:cNvPr id="116" name="【図書館】&#10;一人当たり面積最小値テキスト">
          <a:extLst>
            <a:ext uri="{FF2B5EF4-FFF2-40B4-BE49-F238E27FC236}">
              <a16:creationId xmlns:a16="http://schemas.microsoft.com/office/drawing/2014/main" id="{A0BA50DD-97AD-47E1-92C4-08256119C39D}"/>
            </a:ext>
          </a:extLst>
        </xdr:cNvPr>
        <xdr:cNvSpPr txBox="1"/>
      </xdr:nvSpPr>
      <xdr:spPr>
        <a:xfrm>
          <a:off x="9258300" y="704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67640</xdr:rowOff>
    </xdr:from>
    <xdr:to>
      <xdr:col>55</xdr:col>
      <xdr:colOff>88900</xdr:colOff>
      <xdr:row>41</xdr:row>
      <xdr:rowOff>167640</xdr:rowOff>
    </xdr:to>
    <xdr:cxnSp macro="">
      <xdr:nvCxnSpPr>
        <xdr:cNvPr id="117" name="直線コネクタ 116">
          <a:extLst>
            <a:ext uri="{FF2B5EF4-FFF2-40B4-BE49-F238E27FC236}">
              <a16:creationId xmlns:a16="http://schemas.microsoft.com/office/drawing/2014/main" id="{BC77DEC6-AA4E-4C51-8BC4-6C700AF96EEF}"/>
            </a:ext>
          </a:extLst>
        </xdr:cNvPr>
        <xdr:cNvCxnSpPr/>
      </xdr:nvCxnSpPr>
      <xdr:spPr>
        <a:xfrm>
          <a:off x="9154160" y="70408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4787</xdr:rowOff>
    </xdr:from>
    <xdr:ext cx="469744" cy="259045"/>
    <xdr:sp macro="" textlink="">
      <xdr:nvSpPr>
        <xdr:cNvPr id="118" name="【図書館】&#10;一人当たり面積最大値テキスト">
          <a:extLst>
            <a:ext uri="{FF2B5EF4-FFF2-40B4-BE49-F238E27FC236}">
              <a16:creationId xmlns:a16="http://schemas.microsoft.com/office/drawing/2014/main" id="{1FCB910A-25C5-40DA-BD58-3B15A56AD4B8}"/>
            </a:ext>
          </a:extLst>
        </xdr:cNvPr>
        <xdr:cNvSpPr txBox="1"/>
      </xdr:nvSpPr>
      <xdr:spPr>
        <a:xfrm>
          <a:off x="9258300" y="526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8110</xdr:rowOff>
    </xdr:from>
    <xdr:to>
      <xdr:col>55</xdr:col>
      <xdr:colOff>88900</xdr:colOff>
      <xdr:row>32</xdr:row>
      <xdr:rowOff>118110</xdr:rowOff>
    </xdr:to>
    <xdr:cxnSp macro="">
      <xdr:nvCxnSpPr>
        <xdr:cNvPr id="119" name="直線コネクタ 118">
          <a:extLst>
            <a:ext uri="{FF2B5EF4-FFF2-40B4-BE49-F238E27FC236}">
              <a16:creationId xmlns:a16="http://schemas.microsoft.com/office/drawing/2014/main" id="{371BACED-3ADF-4BD1-B819-C6C7E8DB8F08}"/>
            </a:ext>
          </a:extLst>
        </xdr:cNvPr>
        <xdr:cNvCxnSpPr/>
      </xdr:nvCxnSpPr>
      <xdr:spPr>
        <a:xfrm>
          <a:off x="9154160" y="54825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907</xdr:rowOff>
    </xdr:from>
    <xdr:ext cx="469744" cy="259045"/>
    <xdr:sp macro="" textlink="">
      <xdr:nvSpPr>
        <xdr:cNvPr id="120" name="【図書館】&#10;一人当たり面積平均値テキスト">
          <a:extLst>
            <a:ext uri="{FF2B5EF4-FFF2-40B4-BE49-F238E27FC236}">
              <a16:creationId xmlns:a16="http://schemas.microsoft.com/office/drawing/2014/main" id="{4E80051C-1C84-4B9A-B5A3-BC2656419A40}"/>
            </a:ext>
          </a:extLst>
        </xdr:cNvPr>
        <xdr:cNvSpPr txBox="1"/>
      </xdr:nvSpPr>
      <xdr:spPr>
        <a:xfrm>
          <a:off x="9258300" y="6506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3030</xdr:rowOff>
    </xdr:from>
    <xdr:to>
      <xdr:col>55</xdr:col>
      <xdr:colOff>50800</xdr:colOff>
      <xdr:row>40</xdr:row>
      <xdr:rowOff>43180</xdr:rowOff>
    </xdr:to>
    <xdr:sp macro="" textlink="">
      <xdr:nvSpPr>
        <xdr:cNvPr id="121" name="フローチャート: 判断 120">
          <a:extLst>
            <a:ext uri="{FF2B5EF4-FFF2-40B4-BE49-F238E27FC236}">
              <a16:creationId xmlns:a16="http://schemas.microsoft.com/office/drawing/2014/main" id="{A58316E5-FA73-4A5E-ADFF-BE52787D9465}"/>
            </a:ext>
          </a:extLst>
        </xdr:cNvPr>
        <xdr:cNvSpPr/>
      </xdr:nvSpPr>
      <xdr:spPr>
        <a:xfrm>
          <a:off x="9192260" y="66509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24460</xdr:rowOff>
    </xdr:from>
    <xdr:to>
      <xdr:col>50</xdr:col>
      <xdr:colOff>165100</xdr:colOff>
      <xdr:row>40</xdr:row>
      <xdr:rowOff>54610</xdr:rowOff>
    </xdr:to>
    <xdr:sp macro="" textlink="">
      <xdr:nvSpPr>
        <xdr:cNvPr id="122" name="フローチャート: 判断 121">
          <a:extLst>
            <a:ext uri="{FF2B5EF4-FFF2-40B4-BE49-F238E27FC236}">
              <a16:creationId xmlns:a16="http://schemas.microsoft.com/office/drawing/2014/main" id="{5A175680-298A-417E-AFC5-BF4418157F7B}"/>
            </a:ext>
          </a:extLst>
        </xdr:cNvPr>
        <xdr:cNvSpPr/>
      </xdr:nvSpPr>
      <xdr:spPr>
        <a:xfrm>
          <a:off x="8445500" y="66624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4940</xdr:rowOff>
    </xdr:from>
    <xdr:to>
      <xdr:col>46</xdr:col>
      <xdr:colOff>38100</xdr:colOff>
      <xdr:row>40</xdr:row>
      <xdr:rowOff>85090</xdr:rowOff>
    </xdr:to>
    <xdr:sp macro="" textlink="">
      <xdr:nvSpPr>
        <xdr:cNvPr id="123" name="フローチャート: 判断 122">
          <a:extLst>
            <a:ext uri="{FF2B5EF4-FFF2-40B4-BE49-F238E27FC236}">
              <a16:creationId xmlns:a16="http://schemas.microsoft.com/office/drawing/2014/main" id="{9050565A-5450-40E4-A2E5-186CA5308AEC}"/>
            </a:ext>
          </a:extLst>
        </xdr:cNvPr>
        <xdr:cNvSpPr/>
      </xdr:nvSpPr>
      <xdr:spPr>
        <a:xfrm>
          <a:off x="7670800" y="669290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9700</xdr:rowOff>
    </xdr:from>
    <xdr:to>
      <xdr:col>41</xdr:col>
      <xdr:colOff>101600</xdr:colOff>
      <xdr:row>40</xdr:row>
      <xdr:rowOff>69850</xdr:rowOff>
    </xdr:to>
    <xdr:sp macro="" textlink="">
      <xdr:nvSpPr>
        <xdr:cNvPr id="124" name="フローチャート: 判断 123">
          <a:extLst>
            <a:ext uri="{FF2B5EF4-FFF2-40B4-BE49-F238E27FC236}">
              <a16:creationId xmlns:a16="http://schemas.microsoft.com/office/drawing/2014/main" id="{6D98F94F-9BFA-4290-826C-7861E3EA1A0C}"/>
            </a:ext>
          </a:extLst>
        </xdr:cNvPr>
        <xdr:cNvSpPr/>
      </xdr:nvSpPr>
      <xdr:spPr>
        <a:xfrm>
          <a:off x="6873240" y="66776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39700</xdr:rowOff>
    </xdr:from>
    <xdr:to>
      <xdr:col>36</xdr:col>
      <xdr:colOff>165100</xdr:colOff>
      <xdr:row>40</xdr:row>
      <xdr:rowOff>69850</xdr:rowOff>
    </xdr:to>
    <xdr:sp macro="" textlink="">
      <xdr:nvSpPr>
        <xdr:cNvPr id="125" name="フローチャート: 判断 124">
          <a:extLst>
            <a:ext uri="{FF2B5EF4-FFF2-40B4-BE49-F238E27FC236}">
              <a16:creationId xmlns:a16="http://schemas.microsoft.com/office/drawing/2014/main" id="{23DE15E8-EB72-4EA4-AC50-96B3CE9D55BA}"/>
            </a:ext>
          </a:extLst>
        </xdr:cNvPr>
        <xdr:cNvSpPr/>
      </xdr:nvSpPr>
      <xdr:spPr>
        <a:xfrm>
          <a:off x="6098540" y="66776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A0258CBD-9A18-4397-BFCD-4C8ADDD056DB}"/>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194350E0-0A68-4C76-85DB-90D6731E2FDE}"/>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C4F44F88-6EBF-442B-A483-51D5AF5D46FC}"/>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5351552F-DF6C-45C9-A10F-AE716EB82C85}"/>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C85F7274-4847-49D6-998A-1BD5F78D2731}"/>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86360</xdr:rowOff>
    </xdr:from>
    <xdr:to>
      <xdr:col>55</xdr:col>
      <xdr:colOff>50800</xdr:colOff>
      <xdr:row>42</xdr:row>
      <xdr:rowOff>16510</xdr:rowOff>
    </xdr:to>
    <xdr:sp macro="" textlink="">
      <xdr:nvSpPr>
        <xdr:cNvPr id="131" name="楕円 130">
          <a:extLst>
            <a:ext uri="{FF2B5EF4-FFF2-40B4-BE49-F238E27FC236}">
              <a16:creationId xmlns:a16="http://schemas.microsoft.com/office/drawing/2014/main" id="{9C79234D-D4D2-495B-92ED-50B376775866}"/>
            </a:ext>
          </a:extLst>
        </xdr:cNvPr>
        <xdr:cNvSpPr/>
      </xdr:nvSpPr>
      <xdr:spPr>
        <a:xfrm>
          <a:off x="9192260" y="69596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287</xdr:rowOff>
    </xdr:from>
    <xdr:ext cx="469744" cy="259045"/>
    <xdr:sp macro="" textlink="">
      <xdr:nvSpPr>
        <xdr:cNvPr id="132" name="【図書館】&#10;一人当たり面積該当値テキスト">
          <a:extLst>
            <a:ext uri="{FF2B5EF4-FFF2-40B4-BE49-F238E27FC236}">
              <a16:creationId xmlns:a16="http://schemas.microsoft.com/office/drawing/2014/main" id="{9C329892-EE47-45C0-BC92-0969E23BEFBB}"/>
            </a:ext>
          </a:extLst>
        </xdr:cNvPr>
        <xdr:cNvSpPr txBox="1"/>
      </xdr:nvSpPr>
      <xdr:spPr>
        <a:xfrm>
          <a:off x="9258300" y="687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86360</xdr:rowOff>
    </xdr:from>
    <xdr:to>
      <xdr:col>50</xdr:col>
      <xdr:colOff>165100</xdr:colOff>
      <xdr:row>42</xdr:row>
      <xdr:rowOff>16510</xdr:rowOff>
    </xdr:to>
    <xdr:sp macro="" textlink="">
      <xdr:nvSpPr>
        <xdr:cNvPr id="133" name="楕円 132">
          <a:extLst>
            <a:ext uri="{FF2B5EF4-FFF2-40B4-BE49-F238E27FC236}">
              <a16:creationId xmlns:a16="http://schemas.microsoft.com/office/drawing/2014/main" id="{478B67F0-7AB4-4CA6-B469-1D7518AAC3E9}"/>
            </a:ext>
          </a:extLst>
        </xdr:cNvPr>
        <xdr:cNvSpPr/>
      </xdr:nvSpPr>
      <xdr:spPr>
        <a:xfrm>
          <a:off x="8445500" y="69596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37160</xdr:rowOff>
    </xdr:from>
    <xdr:to>
      <xdr:col>55</xdr:col>
      <xdr:colOff>0</xdr:colOff>
      <xdr:row>41</xdr:row>
      <xdr:rowOff>137160</xdr:rowOff>
    </xdr:to>
    <xdr:cxnSp macro="">
      <xdr:nvCxnSpPr>
        <xdr:cNvPr id="134" name="直線コネクタ 133">
          <a:extLst>
            <a:ext uri="{FF2B5EF4-FFF2-40B4-BE49-F238E27FC236}">
              <a16:creationId xmlns:a16="http://schemas.microsoft.com/office/drawing/2014/main" id="{EF9F40D2-8F0A-47BC-9772-86050C0B86D4}"/>
            </a:ext>
          </a:extLst>
        </xdr:cNvPr>
        <xdr:cNvCxnSpPr/>
      </xdr:nvCxnSpPr>
      <xdr:spPr>
        <a:xfrm>
          <a:off x="8496300" y="701040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86360</xdr:rowOff>
    </xdr:from>
    <xdr:to>
      <xdr:col>46</xdr:col>
      <xdr:colOff>38100</xdr:colOff>
      <xdr:row>42</xdr:row>
      <xdr:rowOff>16510</xdr:rowOff>
    </xdr:to>
    <xdr:sp macro="" textlink="">
      <xdr:nvSpPr>
        <xdr:cNvPr id="135" name="楕円 134">
          <a:extLst>
            <a:ext uri="{FF2B5EF4-FFF2-40B4-BE49-F238E27FC236}">
              <a16:creationId xmlns:a16="http://schemas.microsoft.com/office/drawing/2014/main" id="{21420B96-6C63-4F0F-8F60-3340266CEACC}"/>
            </a:ext>
          </a:extLst>
        </xdr:cNvPr>
        <xdr:cNvSpPr/>
      </xdr:nvSpPr>
      <xdr:spPr>
        <a:xfrm>
          <a:off x="7670800" y="69596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37160</xdr:rowOff>
    </xdr:from>
    <xdr:to>
      <xdr:col>50</xdr:col>
      <xdr:colOff>114300</xdr:colOff>
      <xdr:row>41</xdr:row>
      <xdr:rowOff>137160</xdr:rowOff>
    </xdr:to>
    <xdr:cxnSp macro="">
      <xdr:nvCxnSpPr>
        <xdr:cNvPr id="136" name="直線コネクタ 135">
          <a:extLst>
            <a:ext uri="{FF2B5EF4-FFF2-40B4-BE49-F238E27FC236}">
              <a16:creationId xmlns:a16="http://schemas.microsoft.com/office/drawing/2014/main" id="{98624FD7-8A11-4558-935C-E0ACE68E3736}"/>
            </a:ext>
          </a:extLst>
        </xdr:cNvPr>
        <xdr:cNvCxnSpPr/>
      </xdr:nvCxnSpPr>
      <xdr:spPr>
        <a:xfrm>
          <a:off x="7713980" y="701040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90170</xdr:rowOff>
    </xdr:from>
    <xdr:to>
      <xdr:col>41</xdr:col>
      <xdr:colOff>101600</xdr:colOff>
      <xdr:row>42</xdr:row>
      <xdr:rowOff>20320</xdr:rowOff>
    </xdr:to>
    <xdr:sp macro="" textlink="">
      <xdr:nvSpPr>
        <xdr:cNvPr id="137" name="楕円 136">
          <a:extLst>
            <a:ext uri="{FF2B5EF4-FFF2-40B4-BE49-F238E27FC236}">
              <a16:creationId xmlns:a16="http://schemas.microsoft.com/office/drawing/2014/main" id="{4CA6530A-6952-4306-9C32-90EB77894ABE}"/>
            </a:ext>
          </a:extLst>
        </xdr:cNvPr>
        <xdr:cNvSpPr/>
      </xdr:nvSpPr>
      <xdr:spPr>
        <a:xfrm>
          <a:off x="6873240" y="69634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37160</xdr:rowOff>
    </xdr:from>
    <xdr:to>
      <xdr:col>45</xdr:col>
      <xdr:colOff>177800</xdr:colOff>
      <xdr:row>41</xdr:row>
      <xdr:rowOff>140970</xdr:rowOff>
    </xdr:to>
    <xdr:cxnSp macro="">
      <xdr:nvCxnSpPr>
        <xdr:cNvPr id="138" name="直線コネクタ 137">
          <a:extLst>
            <a:ext uri="{FF2B5EF4-FFF2-40B4-BE49-F238E27FC236}">
              <a16:creationId xmlns:a16="http://schemas.microsoft.com/office/drawing/2014/main" id="{7DE7D1E3-B3DB-471F-9DD4-3DA46F445267}"/>
            </a:ext>
          </a:extLst>
        </xdr:cNvPr>
        <xdr:cNvCxnSpPr/>
      </xdr:nvCxnSpPr>
      <xdr:spPr>
        <a:xfrm flipV="1">
          <a:off x="6924040" y="7010400"/>
          <a:ext cx="78994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90170</xdr:rowOff>
    </xdr:from>
    <xdr:to>
      <xdr:col>36</xdr:col>
      <xdr:colOff>165100</xdr:colOff>
      <xdr:row>42</xdr:row>
      <xdr:rowOff>20320</xdr:rowOff>
    </xdr:to>
    <xdr:sp macro="" textlink="">
      <xdr:nvSpPr>
        <xdr:cNvPr id="139" name="楕円 138">
          <a:extLst>
            <a:ext uri="{FF2B5EF4-FFF2-40B4-BE49-F238E27FC236}">
              <a16:creationId xmlns:a16="http://schemas.microsoft.com/office/drawing/2014/main" id="{424EC935-A418-4541-9CAF-840EED3A2FEE}"/>
            </a:ext>
          </a:extLst>
        </xdr:cNvPr>
        <xdr:cNvSpPr/>
      </xdr:nvSpPr>
      <xdr:spPr>
        <a:xfrm>
          <a:off x="6098540" y="69634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40970</xdr:rowOff>
    </xdr:from>
    <xdr:to>
      <xdr:col>41</xdr:col>
      <xdr:colOff>50800</xdr:colOff>
      <xdr:row>41</xdr:row>
      <xdr:rowOff>140970</xdr:rowOff>
    </xdr:to>
    <xdr:cxnSp macro="">
      <xdr:nvCxnSpPr>
        <xdr:cNvPr id="140" name="直線コネクタ 139">
          <a:extLst>
            <a:ext uri="{FF2B5EF4-FFF2-40B4-BE49-F238E27FC236}">
              <a16:creationId xmlns:a16="http://schemas.microsoft.com/office/drawing/2014/main" id="{F13AFBA1-2DEB-49E7-9F9B-A1D75E6F0FDC}"/>
            </a:ext>
          </a:extLst>
        </xdr:cNvPr>
        <xdr:cNvCxnSpPr/>
      </xdr:nvCxnSpPr>
      <xdr:spPr>
        <a:xfrm>
          <a:off x="6149340" y="701421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71137</xdr:rowOff>
    </xdr:from>
    <xdr:ext cx="469744" cy="259045"/>
    <xdr:sp macro="" textlink="">
      <xdr:nvSpPr>
        <xdr:cNvPr id="141" name="n_1aveValue【図書館】&#10;一人当たり面積">
          <a:extLst>
            <a:ext uri="{FF2B5EF4-FFF2-40B4-BE49-F238E27FC236}">
              <a16:creationId xmlns:a16="http://schemas.microsoft.com/office/drawing/2014/main" id="{2807B016-64B4-449C-9EA4-022166D85C53}"/>
            </a:ext>
          </a:extLst>
        </xdr:cNvPr>
        <xdr:cNvSpPr txBox="1"/>
      </xdr:nvSpPr>
      <xdr:spPr>
        <a:xfrm>
          <a:off x="8271587" y="644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01617</xdr:rowOff>
    </xdr:from>
    <xdr:ext cx="469744" cy="259045"/>
    <xdr:sp macro="" textlink="">
      <xdr:nvSpPr>
        <xdr:cNvPr id="142" name="n_2aveValue【図書館】&#10;一人当たり面積">
          <a:extLst>
            <a:ext uri="{FF2B5EF4-FFF2-40B4-BE49-F238E27FC236}">
              <a16:creationId xmlns:a16="http://schemas.microsoft.com/office/drawing/2014/main" id="{31CB8F01-42C6-4FCF-9D93-D2E9F6AE799A}"/>
            </a:ext>
          </a:extLst>
        </xdr:cNvPr>
        <xdr:cNvSpPr txBox="1"/>
      </xdr:nvSpPr>
      <xdr:spPr>
        <a:xfrm>
          <a:off x="7509587" y="6471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6377</xdr:rowOff>
    </xdr:from>
    <xdr:ext cx="469744" cy="259045"/>
    <xdr:sp macro="" textlink="">
      <xdr:nvSpPr>
        <xdr:cNvPr id="143" name="n_3aveValue【図書館】&#10;一人当たり面積">
          <a:extLst>
            <a:ext uri="{FF2B5EF4-FFF2-40B4-BE49-F238E27FC236}">
              <a16:creationId xmlns:a16="http://schemas.microsoft.com/office/drawing/2014/main" id="{051167BA-4920-4114-8A9E-B58670875CCC}"/>
            </a:ext>
          </a:extLst>
        </xdr:cNvPr>
        <xdr:cNvSpPr txBox="1"/>
      </xdr:nvSpPr>
      <xdr:spPr>
        <a:xfrm>
          <a:off x="6712027" y="645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6377</xdr:rowOff>
    </xdr:from>
    <xdr:ext cx="469744" cy="259045"/>
    <xdr:sp macro="" textlink="">
      <xdr:nvSpPr>
        <xdr:cNvPr id="144" name="n_4aveValue【図書館】&#10;一人当たり面積">
          <a:extLst>
            <a:ext uri="{FF2B5EF4-FFF2-40B4-BE49-F238E27FC236}">
              <a16:creationId xmlns:a16="http://schemas.microsoft.com/office/drawing/2014/main" id="{9E1FAAC8-EDCB-4E03-8C74-5AEE4A5834EC}"/>
            </a:ext>
          </a:extLst>
        </xdr:cNvPr>
        <xdr:cNvSpPr txBox="1"/>
      </xdr:nvSpPr>
      <xdr:spPr>
        <a:xfrm>
          <a:off x="5937327" y="645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7637</xdr:rowOff>
    </xdr:from>
    <xdr:ext cx="469744" cy="259045"/>
    <xdr:sp macro="" textlink="">
      <xdr:nvSpPr>
        <xdr:cNvPr id="145" name="n_1mainValue【図書館】&#10;一人当たり面積">
          <a:extLst>
            <a:ext uri="{FF2B5EF4-FFF2-40B4-BE49-F238E27FC236}">
              <a16:creationId xmlns:a16="http://schemas.microsoft.com/office/drawing/2014/main" id="{D60E8806-CA0B-495E-BB19-55FC226194A2}"/>
            </a:ext>
          </a:extLst>
        </xdr:cNvPr>
        <xdr:cNvSpPr txBox="1"/>
      </xdr:nvSpPr>
      <xdr:spPr>
        <a:xfrm>
          <a:off x="8271587" y="7048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7637</xdr:rowOff>
    </xdr:from>
    <xdr:ext cx="469744" cy="259045"/>
    <xdr:sp macro="" textlink="">
      <xdr:nvSpPr>
        <xdr:cNvPr id="146" name="n_2mainValue【図書館】&#10;一人当たり面積">
          <a:extLst>
            <a:ext uri="{FF2B5EF4-FFF2-40B4-BE49-F238E27FC236}">
              <a16:creationId xmlns:a16="http://schemas.microsoft.com/office/drawing/2014/main" id="{5AF6E50D-D8A6-4172-9EC8-2C9045F763DF}"/>
            </a:ext>
          </a:extLst>
        </xdr:cNvPr>
        <xdr:cNvSpPr txBox="1"/>
      </xdr:nvSpPr>
      <xdr:spPr>
        <a:xfrm>
          <a:off x="7509587" y="7048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11447</xdr:rowOff>
    </xdr:from>
    <xdr:ext cx="469744" cy="259045"/>
    <xdr:sp macro="" textlink="">
      <xdr:nvSpPr>
        <xdr:cNvPr id="147" name="n_3mainValue【図書館】&#10;一人当たり面積">
          <a:extLst>
            <a:ext uri="{FF2B5EF4-FFF2-40B4-BE49-F238E27FC236}">
              <a16:creationId xmlns:a16="http://schemas.microsoft.com/office/drawing/2014/main" id="{545AAA1F-4A21-423B-8376-27FE04F97F20}"/>
            </a:ext>
          </a:extLst>
        </xdr:cNvPr>
        <xdr:cNvSpPr txBox="1"/>
      </xdr:nvSpPr>
      <xdr:spPr>
        <a:xfrm>
          <a:off x="67120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11447</xdr:rowOff>
    </xdr:from>
    <xdr:ext cx="469744" cy="259045"/>
    <xdr:sp macro="" textlink="">
      <xdr:nvSpPr>
        <xdr:cNvPr id="148" name="n_4mainValue【図書館】&#10;一人当たり面積">
          <a:extLst>
            <a:ext uri="{FF2B5EF4-FFF2-40B4-BE49-F238E27FC236}">
              <a16:creationId xmlns:a16="http://schemas.microsoft.com/office/drawing/2014/main" id="{44500900-8966-419A-BEB2-9B63430E3761}"/>
            </a:ext>
          </a:extLst>
        </xdr:cNvPr>
        <xdr:cNvSpPr txBox="1"/>
      </xdr:nvSpPr>
      <xdr:spPr>
        <a:xfrm>
          <a:off x="59373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627F5470-6264-470F-BC8E-CCE933FB937A}"/>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0D79CB71-68C0-4670-BE2C-D7B4934CA587}"/>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8EC09E3D-9820-4A95-A283-17F78E99B4F8}"/>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22285329-6F5F-433F-B1F4-1A3F3599DCAF}"/>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812FFCA7-D549-4D3F-B5E5-B9C67DC55549}"/>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BCD25D93-3248-48E9-B983-58BCDD38076C}"/>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9953A8B3-0017-4A8F-8755-6709733878FB}"/>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98FF85C8-2353-4EBA-A0D1-0C9058A22D6E}"/>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2E5F48C8-E07E-43C5-AB83-5B344677CF20}"/>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A8E78836-2332-4378-B3EE-FF912C572C82}"/>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1F21A745-E462-4DAE-BC8D-4FB19E8B5185}"/>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id="{0A5E53B2-54C6-4A63-ACF4-E8C4DA5385CF}"/>
            </a:ext>
          </a:extLst>
        </xdr:cNvPr>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id="{8887EBD7-F0CA-46F4-AB7B-1CC33011E952}"/>
            </a:ext>
          </a:extLst>
        </xdr:cNvPr>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id="{4746D346-F2E0-4529-9F7A-4192E2984856}"/>
            </a:ext>
          </a:extLst>
        </xdr:cNvPr>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id="{0B436A58-D647-4FD0-A280-DCA983AE1B65}"/>
            </a:ext>
          </a:extLst>
        </xdr:cNvPr>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id="{C638191C-0F5E-488D-906C-D616ADE4E936}"/>
            </a:ext>
          </a:extLst>
        </xdr:cNvPr>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id="{F3E3F753-044A-4D20-B54D-523A68995C67}"/>
            </a:ext>
          </a:extLst>
        </xdr:cNvPr>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id="{FEC801AD-E4A5-4C31-A7EA-82E97325E7FF}"/>
            </a:ext>
          </a:extLst>
        </xdr:cNvPr>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id="{8D9C4DA6-AA05-4F90-93DE-E6280FE496DA}"/>
            </a:ext>
          </a:extLst>
        </xdr:cNvPr>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id="{0A04897E-D232-4113-ABF6-4EA1AC0792D5}"/>
            </a:ext>
          </a:extLst>
        </xdr:cNvPr>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id="{0B370EE7-A5A5-46D7-A0B1-F92FCEA6695E}"/>
            </a:ext>
          </a:extLst>
        </xdr:cNvPr>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id="{87B3468B-5E06-402A-86C6-C9F9BF22E17E}"/>
            </a:ext>
          </a:extLst>
        </xdr:cNvPr>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id="{75108A31-B601-4934-91D3-C700E30FACCB}"/>
            </a:ext>
          </a:extLst>
        </xdr:cNvPr>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7EB82511-087A-430D-9B3D-D7C6424655E8}"/>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id="{54AFE66C-5717-4259-BE70-C1858C1E34B7}"/>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7962</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id="{BC46B6EA-95EE-443A-B007-67FFA4842B8A}"/>
            </a:ext>
          </a:extLst>
        </xdr:cNvPr>
        <xdr:cNvCxnSpPr/>
      </xdr:nvCxnSpPr>
      <xdr:spPr>
        <a:xfrm flipV="1">
          <a:off x="4086225" y="9405802"/>
          <a:ext cx="0" cy="14537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id="{EC466C61-6C66-4106-93B9-422B94DD52EE}"/>
            </a:ext>
          </a:extLst>
        </xdr:cNvPr>
        <xdr:cNvSpPr txBox="1"/>
      </xdr:nvSpPr>
      <xdr:spPr>
        <a:xfrm>
          <a:off x="412496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id="{7A131061-71F1-4E3D-A912-265C3ABA2A15}"/>
            </a:ext>
          </a:extLst>
        </xdr:cNvPr>
        <xdr:cNvCxnSpPr/>
      </xdr:nvCxnSpPr>
      <xdr:spPr>
        <a:xfrm>
          <a:off x="402082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36089</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id="{66C9A5DC-443E-4C85-92DB-05F7BF2B9A34}"/>
            </a:ext>
          </a:extLst>
        </xdr:cNvPr>
        <xdr:cNvSpPr txBox="1"/>
      </xdr:nvSpPr>
      <xdr:spPr>
        <a:xfrm>
          <a:off x="4124960" y="918864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7962</xdr:rowOff>
    </xdr:from>
    <xdr:to>
      <xdr:col>24</xdr:col>
      <xdr:colOff>152400</xdr:colOff>
      <xdr:row>56</xdr:row>
      <xdr:rowOff>17962</xdr:rowOff>
    </xdr:to>
    <xdr:cxnSp macro="">
      <xdr:nvCxnSpPr>
        <xdr:cNvPr id="178" name="直線コネクタ 177">
          <a:extLst>
            <a:ext uri="{FF2B5EF4-FFF2-40B4-BE49-F238E27FC236}">
              <a16:creationId xmlns:a16="http://schemas.microsoft.com/office/drawing/2014/main" id="{F621A417-530C-463E-A669-659052063EBC}"/>
            </a:ext>
          </a:extLst>
        </xdr:cNvPr>
        <xdr:cNvCxnSpPr/>
      </xdr:nvCxnSpPr>
      <xdr:spPr>
        <a:xfrm>
          <a:off x="4020820" y="940580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65150</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id="{4CD401BC-34E4-4866-9A97-BD70B6B4E307}"/>
            </a:ext>
          </a:extLst>
        </xdr:cNvPr>
        <xdr:cNvSpPr txBox="1"/>
      </xdr:nvSpPr>
      <xdr:spPr>
        <a:xfrm>
          <a:off x="4124960" y="101235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42273</xdr:rowOff>
    </xdr:from>
    <xdr:to>
      <xdr:col>24</xdr:col>
      <xdr:colOff>114300</xdr:colOff>
      <xdr:row>61</xdr:row>
      <xdr:rowOff>143873</xdr:rowOff>
    </xdr:to>
    <xdr:sp macro="" textlink="">
      <xdr:nvSpPr>
        <xdr:cNvPr id="180" name="フローチャート: 判断 179">
          <a:extLst>
            <a:ext uri="{FF2B5EF4-FFF2-40B4-BE49-F238E27FC236}">
              <a16:creationId xmlns:a16="http://schemas.microsoft.com/office/drawing/2014/main" id="{03A12128-4B57-4DFB-8507-11A3731E70C7}"/>
            </a:ext>
          </a:extLst>
        </xdr:cNvPr>
        <xdr:cNvSpPr/>
      </xdr:nvSpPr>
      <xdr:spPr>
        <a:xfrm>
          <a:off x="4036060" y="10268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56969</xdr:rowOff>
    </xdr:from>
    <xdr:to>
      <xdr:col>20</xdr:col>
      <xdr:colOff>38100</xdr:colOff>
      <xdr:row>61</xdr:row>
      <xdr:rowOff>158569</xdr:rowOff>
    </xdr:to>
    <xdr:sp macro="" textlink="">
      <xdr:nvSpPr>
        <xdr:cNvPr id="181" name="フローチャート: 判断 180">
          <a:extLst>
            <a:ext uri="{FF2B5EF4-FFF2-40B4-BE49-F238E27FC236}">
              <a16:creationId xmlns:a16="http://schemas.microsoft.com/office/drawing/2014/main" id="{862C1909-4F9F-4202-85D5-B2ED2ED72F0C}"/>
            </a:ext>
          </a:extLst>
        </xdr:cNvPr>
        <xdr:cNvSpPr/>
      </xdr:nvSpPr>
      <xdr:spPr>
        <a:xfrm>
          <a:off x="3312160" y="1028300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34109</xdr:rowOff>
    </xdr:from>
    <xdr:to>
      <xdr:col>15</xdr:col>
      <xdr:colOff>101600</xdr:colOff>
      <xdr:row>61</xdr:row>
      <xdr:rowOff>135709</xdr:rowOff>
    </xdr:to>
    <xdr:sp macro="" textlink="">
      <xdr:nvSpPr>
        <xdr:cNvPr id="182" name="フローチャート: 判断 181">
          <a:extLst>
            <a:ext uri="{FF2B5EF4-FFF2-40B4-BE49-F238E27FC236}">
              <a16:creationId xmlns:a16="http://schemas.microsoft.com/office/drawing/2014/main" id="{CDB5BD7A-83E0-47E9-A3BF-4F47F800BBD2}"/>
            </a:ext>
          </a:extLst>
        </xdr:cNvPr>
        <xdr:cNvSpPr/>
      </xdr:nvSpPr>
      <xdr:spPr>
        <a:xfrm>
          <a:off x="2514600" y="10260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50041</xdr:rowOff>
    </xdr:from>
    <xdr:to>
      <xdr:col>10</xdr:col>
      <xdr:colOff>165100</xdr:colOff>
      <xdr:row>61</xdr:row>
      <xdr:rowOff>80191</xdr:rowOff>
    </xdr:to>
    <xdr:sp macro="" textlink="">
      <xdr:nvSpPr>
        <xdr:cNvPr id="183" name="フローチャート: 判断 182">
          <a:extLst>
            <a:ext uri="{FF2B5EF4-FFF2-40B4-BE49-F238E27FC236}">
              <a16:creationId xmlns:a16="http://schemas.microsoft.com/office/drawing/2014/main" id="{6055B8E6-4183-494B-A36D-E4DDF909004D}"/>
            </a:ext>
          </a:extLst>
        </xdr:cNvPr>
        <xdr:cNvSpPr/>
      </xdr:nvSpPr>
      <xdr:spPr>
        <a:xfrm>
          <a:off x="1739900" y="102084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40244</xdr:rowOff>
    </xdr:from>
    <xdr:to>
      <xdr:col>6</xdr:col>
      <xdr:colOff>38100</xdr:colOff>
      <xdr:row>61</xdr:row>
      <xdr:rowOff>70394</xdr:rowOff>
    </xdr:to>
    <xdr:sp macro="" textlink="">
      <xdr:nvSpPr>
        <xdr:cNvPr id="184" name="フローチャート: 判断 183">
          <a:extLst>
            <a:ext uri="{FF2B5EF4-FFF2-40B4-BE49-F238E27FC236}">
              <a16:creationId xmlns:a16="http://schemas.microsoft.com/office/drawing/2014/main" id="{4FACC676-DD74-431F-B42A-B570E4291ABD}"/>
            </a:ext>
          </a:extLst>
        </xdr:cNvPr>
        <xdr:cNvSpPr/>
      </xdr:nvSpPr>
      <xdr:spPr>
        <a:xfrm>
          <a:off x="965200" y="1019864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B744F2F6-483F-4BDA-9605-2E526A913A8A}"/>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21F3D7F1-2786-494F-9228-DD36660136CC}"/>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D18DC347-03B1-4179-AEAC-9D67E4B4F0E8}"/>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31EEBEBF-C2C0-4D01-9EB3-03544B254DC3}"/>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A609790C-DEDD-4523-9C90-30648FE5EA6D}"/>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70031</xdr:rowOff>
    </xdr:from>
    <xdr:to>
      <xdr:col>24</xdr:col>
      <xdr:colOff>114300</xdr:colOff>
      <xdr:row>64</xdr:row>
      <xdr:rowOff>181</xdr:rowOff>
    </xdr:to>
    <xdr:sp macro="" textlink="">
      <xdr:nvSpPr>
        <xdr:cNvPr id="190" name="楕円 189">
          <a:extLst>
            <a:ext uri="{FF2B5EF4-FFF2-40B4-BE49-F238E27FC236}">
              <a16:creationId xmlns:a16="http://schemas.microsoft.com/office/drawing/2014/main" id="{1DA44E11-2C7D-46C8-9B1A-2FC4A196E25A}"/>
            </a:ext>
          </a:extLst>
        </xdr:cNvPr>
        <xdr:cNvSpPr/>
      </xdr:nvSpPr>
      <xdr:spPr>
        <a:xfrm>
          <a:off x="4036060" y="106313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48458</xdr:rowOff>
    </xdr:from>
    <xdr:ext cx="405111" cy="259045"/>
    <xdr:sp macro="" textlink="">
      <xdr:nvSpPr>
        <xdr:cNvPr id="191" name="【体育館・プール】&#10;有形固定資産減価償却率該当値テキスト">
          <a:extLst>
            <a:ext uri="{FF2B5EF4-FFF2-40B4-BE49-F238E27FC236}">
              <a16:creationId xmlns:a16="http://schemas.microsoft.com/office/drawing/2014/main" id="{1BC508CC-48C5-482C-A7DD-862FDC7C109D}"/>
            </a:ext>
          </a:extLst>
        </xdr:cNvPr>
        <xdr:cNvSpPr txBox="1"/>
      </xdr:nvSpPr>
      <xdr:spPr>
        <a:xfrm>
          <a:off x="4124960" y="10609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4</xdr:row>
      <xdr:rowOff>79828</xdr:rowOff>
    </xdr:from>
    <xdr:to>
      <xdr:col>20</xdr:col>
      <xdr:colOff>38100</xdr:colOff>
      <xdr:row>65</xdr:row>
      <xdr:rowOff>9978</xdr:rowOff>
    </xdr:to>
    <xdr:sp macro="" textlink="">
      <xdr:nvSpPr>
        <xdr:cNvPr id="192" name="楕円 191">
          <a:extLst>
            <a:ext uri="{FF2B5EF4-FFF2-40B4-BE49-F238E27FC236}">
              <a16:creationId xmlns:a16="http://schemas.microsoft.com/office/drawing/2014/main" id="{E51C1979-3CD5-4A7B-941F-6C2A758E680D}"/>
            </a:ext>
          </a:extLst>
        </xdr:cNvPr>
        <xdr:cNvSpPr/>
      </xdr:nvSpPr>
      <xdr:spPr>
        <a:xfrm>
          <a:off x="3312160" y="1080878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120831</xdr:rowOff>
    </xdr:from>
    <xdr:to>
      <xdr:col>24</xdr:col>
      <xdr:colOff>63500</xdr:colOff>
      <xdr:row>64</xdr:row>
      <xdr:rowOff>130628</xdr:rowOff>
    </xdr:to>
    <xdr:cxnSp macro="">
      <xdr:nvCxnSpPr>
        <xdr:cNvPr id="193" name="直線コネクタ 192">
          <a:extLst>
            <a:ext uri="{FF2B5EF4-FFF2-40B4-BE49-F238E27FC236}">
              <a16:creationId xmlns:a16="http://schemas.microsoft.com/office/drawing/2014/main" id="{012104FB-D869-4B5F-8A93-D19C6D3E4761}"/>
            </a:ext>
          </a:extLst>
        </xdr:cNvPr>
        <xdr:cNvCxnSpPr/>
      </xdr:nvCxnSpPr>
      <xdr:spPr>
        <a:xfrm flipV="1">
          <a:off x="3355340" y="10682151"/>
          <a:ext cx="731520" cy="177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4</xdr:row>
      <xdr:rowOff>79828</xdr:rowOff>
    </xdr:from>
    <xdr:to>
      <xdr:col>15</xdr:col>
      <xdr:colOff>101600</xdr:colOff>
      <xdr:row>65</xdr:row>
      <xdr:rowOff>9978</xdr:rowOff>
    </xdr:to>
    <xdr:sp macro="" textlink="">
      <xdr:nvSpPr>
        <xdr:cNvPr id="194" name="楕円 193">
          <a:extLst>
            <a:ext uri="{FF2B5EF4-FFF2-40B4-BE49-F238E27FC236}">
              <a16:creationId xmlns:a16="http://schemas.microsoft.com/office/drawing/2014/main" id="{AF29160B-9259-48A8-84C9-4A6FF18FE131}"/>
            </a:ext>
          </a:extLst>
        </xdr:cNvPr>
        <xdr:cNvSpPr/>
      </xdr:nvSpPr>
      <xdr:spPr>
        <a:xfrm>
          <a:off x="2514600" y="108087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4</xdr:row>
      <xdr:rowOff>130628</xdr:rowOff>
    </xdr:from>
    <xdr:to>
      <xdr:col>19</xdr:col>
      <xdr:colOff>177800</xdr:colOff>
      <xdr:row>64</xdr:row>
      <xdr:rowOff>130628</xdr:rowOff>
    </xdr:to>
    <xdr:cxnSp macro="">
      <xdr:nvCxnSpPr>
        <xdr:cNvPr id="195" name="直線コネクタ 194">
          <a:extLst>
            <a:ext uri="{FF2B5EF4-FFF2-40B4-BE49-F238E27FC236}">
              <a16:creationId xmlns:a16="http://schemas.microsoft.com/office/drawing/2014/main" id="{A49E1E4B-88E6-48E5-B13A-05A366B6F6BA}"/>
            </a:ext>
          </a:extLst>
        </xdr:cNvPr>
        <xdr:cNvCxnSpPr/>
      </xdr:nvCxnSpPr>
      <xdr:spPr>
        <a:xfrm>
          <a:off x="2565400" y="10859588"/>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4</xdr:row>
      <xdr:rowOff>79828</xdr:rowOff>
    </xdr:from>
    <xdr:to>
      <xdr:col>10</xdr:col>
      <xdr:colOff>165100</xdr:colOff>
      <xdr:row>65</xdr:row>
      <xdr:rowOff>9978</xdr:rowOff>
    </xdr:to>
    <xdr:sp macro="" textlink="">
      <xdr:nvSpPr>
        <xdr:cNvPr id="196" name="楕円 195">
          <a:extLst>
            <a:ext uri="{FF2B5EF4-FFF2-40B4-BE49-F238E27FC236}">
              <a16:creationId xmlns:a16="http://schemas.microsoft.com/office/drawing/2014/main" id="{54AC9790-3C73-4114-9DD8-9B5CCD8E9133}"/>
            </a:ext>
          </a:extLst>
        </xdr:cNvPr>
        <xdr:cNvSpPr/>
      </xdr:nvSpPr>
      <xdr:spPr>
        <a:xfrm>
          <a:off x="1739900" y="108087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4</xdr:row>
      <xdr:rowOff>130628</xdr:rowOff>
    </xdr:from>
    <xdr:to>
      <xdr:col>15</xdr:col>
      <xdr:colOff>50800</xdr:colOff>
      <xdr:row>64</xdr:row>
      <xdr:rowOff>130628</xdr:rowOff>
    </xdr:to>
    <xdr:cxnSp macro="">
      <xdr:nvCxnSpPr>
        <xdr:cNvPr id="197" name="直線コネクタ 196">
          <a:extLst>
            <a:ext uri="{FF2B5EF4-FFF2-40B4-BE49-F238E27FC236}">
              <a16:creationId xmlns:a16="http://schemas.microsoft.com/office/drawing/2014/main" id="{D53E8442-E53F-4534-8B75-735197D3F4BE}"/>
            </a:ext>
          </a:extLst>
        </xdr:cNvPr>
        <xdr:cNvCxnSpPr/>
      </xdr:nvCxnSpPr>
      <xdr:spPr>
        <a:xfrm>
          <a:off x="1790700" y="10859588"/>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4</xdr:row>
      <xdr:rowOff>79828</xdr:rowOff>
    </xdr:from>
    <xdr:to>
      <xdr:col>6</xdr:col>
      <xdr:colOff>38100</xdr:colOff>
      <xdr:row>65</xdr:row>
      <xdr:rowOff>9978</xdr:rowOff>
    </xdr:to>
    <xdr:sp macro="" textlink="">
      <xdr:nvSpPr>
        <xdr:cNvPr id="198" name="楕円 197">
          <a:extLst>
            <a:ext uri="{FF2B5EF4-FFF2-40B4-BE49-F238E27FC236}">
              <a16:creationId xmlns:a16="http://schemas.microsoft.com/office/drawing/2014/main" id="{FE95560D-6263-4184-B7CA-6FAFBD663548}"/>
            </a:ext>
          </a:extLst>
        </xdr:cNvPr>
        <xdr:cNvSpPr/>
      </xdr:nvSpPr>
      <xdr:spPr>
        <a:xfrm>
          <a:off x="965200" y="1080878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4</xdr:row>
      <xdr:rowOff>130628</xdr:rowOff>
    </xdr:from>
    <xdr:to>
      <xdr:col>10</xdr:col>
      <xdr:colOff>114300</xdr:colOff>
      <xdr:row>64</xdr:row>
      <xdr:rowOff>130628</xdr:rowOff>
    </xdr:to>
    <xdr:cxnSp macro="">
      <xdr:nvCxnSpPr>
        <xdr:cNvPr id="199" name="直線コネクタ 198">
          <a:extLst>
            <a:ext uri="{FF2B5EF4-FFF2-40B4-BE49-F238E27FC236}">
              <a16:creationId xmlns:a16="http://schemas.microsoft.com/office/drawing/2014/main" id="{ED2D1C8F-E199-47AE-95A2-F89BDC9DBE4E}"/>
            </a:ext>
          </a:extLst>
        </xdr:cNvPr>
        <xdr:cNvCxnSpPr/>
      </xdr:nvCxnSpPr>
      <xdr:spPr>
        <a:xfrm>
          <a:off x="1008380" y="10859588"/>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3646</xdr:rowOff>
    </xdr:from>
    <xdr:ext cx="405111" cy="259045"/>
    <xdr:sp macro="" textlink="">
      <xdr:nvSpPr>
        <xdr:cNvPr id="200" name="n_1aveValue【体育館・プール】&#10;有形固定資産減価償却率">
          <a:extLst>
            <a:ext uri="{FF2B5EF4-FFF2-40B4-BE49-F238E27FC236}">
              <a16:creationId xmlns:a16="http://schemas.microsoft.com/office/drawing/2014/main" id="{AA6F3679-336E-4C95-BB22-E105174CE6A1}"/>
            </a:ext>
          </a:extLst>
        </xdr:cNvPr>
        <xdr:cNvSpPr txBox="1"/>
      </xdr:nvSpPr>
      <xdr:spPr>
        <a:xfrm>
          <a:off x="3170564" y="1006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52236</xdr:rowOff>
    </xdr:from>
    <xdr:ext cx="405111" cy="259045"/>
    <xdr:sp macro="" textlink="">
      <xdr:nvSpPr>
        <xdr:cNvPr id="201" name="n_2aveValue【体育館・プール】&#10;有形固定資産減価償却率">
          <a:extLst>
            <a:ext uri="{FF2B5EF4-FFF2-40B4-BE49-F238E27FC236}">
              <a16:creationId xmlns:a16="http://schemas.microsoft.com/office/drawing/2014/main" id="{2E66986F-07B4-49A0-B11F-B2B60BE448DB}"/>
            </a:ext>
          </a:extLst>
        </xdr:cNvPr>
        <xdr:cNvSpPr txBox="1"/>
      </xdr:nvSpPr>
      <xdr:spPr>
        <a:xfrm>
          <a:off x="2385704" y="100429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96718</xdr:rowOff>
    </xdr:from>
    <xdr:ext cx="405111" cy="259045"/>
    <xdr:sp macro="" textlink="">
      <xdr:nvSpPr>
        <xdr:cNvPr id="202" name="n_3aveValue【体育館・プール】&#10;有形固定資産減価償却率">
          <a:extLst>
            <a:ext uri="{FF2B5EF4-FFF2-40B4-BE49-F238E27FC236}">
              <a16:creationId xmlns:a16="http://schemas.microsoft.com/office/drawing/2014/main" id="{27BB335A-80DB-495F-B93D-34A89D092D63}"/>
            </a:ext>
          </a:extLst>
        </xdr:cNvPr>
        <xdr:cNvSpPr txBox="1"/>
      </xdr:nvSpPr>
      <xdr:spPr>
        <a:xfrm>
          <a:off x="1611004" y="9987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86921</xdr:rowOff>
    </xdr:from>
    <xdr:ext cx="405111" cy="259045"/>
    <xdr:sp macro="" textlink="">
      <xdr:nvSpPr>
        <xdr:cNvPr id="203" name="n_4aveValue【体育館・プール】&#10;有形固定資産減価償却率">
          <a:extLst>
            <a:ext uri="{FF2B5EF4-FFF2-40B4-BE49-F238E27FC236}">
              <a16:creationId xmlns:a16="http://schemas.microsoft.com/office/drawing/2014/main" id="{2C94FCF2-82B8-40FE-9E69-676A0AE730DE}"/>
            </a:ext>
          </a:extLst>
        </xdr:cNvPr>
        <xdr:cNvSpPr txBox="1"/>
      </xdr:nvSpPr>
      <xdr:spPr>
        <a:xfrm>
          <a:off x="836304" y="9977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65</xdr:row>
      <xdr:rowOff>1105</xdr:rowOff>
    </xdr:from>
    <xdr:ext cx="469744" cy="259045"/>
    <xdr:sp macro="" textlink="">
      <xdr:nvSpPr>
        <xdr:cNvPr id="204" name="n_1mainValue【体育館・プール】&#10;有形固定資産減価償却率">
          <a:extLst>
            <a:ext uri="{FF2B5EF4-FFF2-40B4-BE49-F238E27FC236}">
              <a16:creationId xmlns:a16="http://schemas.microsoft.com/office/drawing/2014/main" id="{9105AB8E-F499-4BEC-BE70-4E9B87A769E2}"/>
            </a:ext>
          </a:extLst>
        </xdr:cNvPr>
        <xdr:cNvSpPr txBox="1"/>
      </xdr:nvSpPr>
      <xdr:spPr>
        <a:xfrm>
          <a:off x="3138247" y="10897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65</xdr:row>
      <xdr:rowOff>1105</xdr:rowOff>
    </xdr:from>
    <xdr:ext cx="469744" cy="259045"/>
    <xdr:sp macro="" textlink="">
      <xdr:nvSpPr>
        <xdr:cNvPr id="205" name="n_2mainValue【体育館・プール】&#10;有形固定資産減価償却率">
          <a:extLst>
            <a:ext uri="{FF2B5EF4-FFF2-40B4-BE49-F238E27FC236}">
              <a16:creationId xmlns:a16="http://schemas.microsoft.com/office/drawing/2014/main" id="{E6723426-93F8-462A-BFC1-4834C8AE1F9E}"/>
            </a:ext>
          </a:extLst>
        </xdr:cNvPr>
        <xdr:cNvSpPr txBox="1"/>
      </xdr:nvSpPr>
      <xdr:spPr>
        <a:xfrm>
          <a:off x="2353387" y="10897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65</xdr:row>
      <xdr:rowOff>1105</xdr:rowOff>
    </xdr:from>
    <xdr:ext cx="469744" cy="259045"/>
    <xdr:sp macro="" textlink="">
      <xdr:nvSpPr>
        <xdr:cNvPr id="206" name="n_3mainValue【体育館・プール】&#10;有形固定資産減価償却率">
          <a:extLst>
            <a:ext uri="{FF2B5EF4-FFF2-40B4-BE49-F238E27FC236}">
              <a16:creationId xmlns:a16="http://schemas.microsoft.com/office/drawing/2014/main" id="{1D4AB7B0-359E-48C4-B253-A6476F282469}"/>
            </a:ext>
          </a:extLst>
        </xdr:cNvPr>
        <xdr:cNvSpPr txBox="1"/>
      </xdr:nvSpPr>
      <xdr:spPr>
        <a:xfrm>
          <a:off x="1578687" y="10897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33427</xdr:colOff>
      <xdr:row>65</xdr:row>
      <xdr:rowOff>1105</xdr:rowOff>
    </xdr:from>
    <xdr:ext cx="469744" cy="259045"/>
    <xdr:sp macro="" textlink="">
      <xdr:nvSpPr>
        <xdr:cNvPr id="207" name="n_4mainValue【体育館・プール】&#10;有形固定資産減価償却率">
          <a:extLst>
            <a:ext uri="{FF2B5EF4-FFF2-40B4-BE49-F238E27FC236}">
              <a16:creationId xmlns:a16="http://schemas.microsoft.com/office/drawing/2014/main" id="{778B17E8-9C19-4FBF-B4C2-76C5D9E0FB91}"/>
            </a:ext>
          </a:extLst>
        </xdr:cNvPr>
        <xdr:cNvSpPr txBox="1"/>
      </xdr:nvSpPr>
      <xdr:spPr>
        <a:xfrm>
          <a:off x="803987" y="10897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id="{A33B8754-D72D-4FA4-8215-84ED04014243}"/>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id="{DBBCF2BD-37ED-418C-B1DE-1A72C1262275}"/>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id="{BCD1D172-D983-4283-92F5-F8BD03124292}"/>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id="{AFF3D90D-7EE6-46CD-8C10-A31C1396DA30}"/>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id="{B388FF9E-C45A-490A-BFF8-46355B631324}"/>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id="{BEB49FE0-557D-4454-9C98-85B3DA01F81C}"/>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id="{F134F490-7875-4394-99A8-7D43CFA92B87}"/>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id="{DDA24A19-145C-47BF-9AC8-893921C6A1CA}"/>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id="{CFF2444D-6977-4B86-8228-840304A12DB6}"/>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id="{8CB7EDA2-FA39-4968-856B-028B5A2D39E3}"/>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D72907E7-0C86-48CA-86C7-F2D9A4A43E88}"/>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536F405C-BC38-46CE-9DC5-C51EB5E242A8}"/>
            </a:ext>
          </a:extLst>
        </xdr:cNvPr>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20677ABE-F578-4686-98B7-66CDFF991D4F}"/>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7F92909E-0C4E-4212-BBE6-117A92E045E6}"/>
            </a:ext>
          </a:extLst>
        </xdr:cNvPr>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6905FF75-399F-4628-A026-88B6E6962BF5}"/>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FCD50830-8B74-4D3E-AB25-AD29341803E1}"/>
            </a:ext>
          </a:extLst>
        </xdr:cNvPr>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343C3B6A-2265-4148-8E79-5B3A09C138AF}"/>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8280ECDB-8BC5-46DB-8AAF-0015728DCBF1}"/>
            </a:ext>
          </a:extLst>
        </xdr:cNvPr>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FF4BD1CC-7450-441A-8C9D-386EC11439DE}"/>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436BAFF1-C951-4274-A2F5-2F8130F9218C}"/>
            </a:ext>
          </a:extLst>
        </xdr:cNvPr>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3EB02CD8-AE56-4A90-A039-ADC1AE2A77CE}"/>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F30958A0-8C69-4CB5-B328-A1CE63F429E2}"/>
            </a:ext>
          </a:extLst>
        </xdr:cNvPr>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EAC20926-B73D-4582-A094-982C99A5B978}"/>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05410</xdr:rowOff>
    </xdr:from>
    <xdr:to>
      <xdr:col>54</xdr:col>
      <xdr:colOff>189865</xdr:colOff>
      <xdr:row>63</xdr:row>
      <xdr:rowOff>146050</xdr:rowOff>
    </xdr:to>
    <xdr:cxnSp macro="">
      <xdr:nvCxnSpPr>
        <xdr:cNvPr id="231" name="直線コネクタ 230">
          <a:extLst>
            <a:ext uri="{FF2B5EF4-FFF2-40B4-BE49-F238E27FC236}">
              <a16:creationId xmlns:a16="http://schemas.microsoft.com/office/drawing/2014/main" id="{9609AE15-E005-4452-B6A5-831CEAC85BC1}"/>
            </a:ext>
          </a:extLst>
        </xdr:cNvPr>
        <xdr:cNvCxnSpPr/>
      </xdr:nvCxnSpPr>
      <xdr:spPr>
        <a:xfrm flipV="1">
          <a:off x="9219565" y="9325610"/>
          <a:ext cx="0" cy="1381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49877</xdr:rowOff>
    </xdr:from>
    <xdr:ext cx="469744" cy="259045"/>
    <xdr:sp macro="" textlink="">
      <xdr:nvSpPr>
        <xdr:cNvPr id="232" name="【体育館・プール】&#10;一人当たり面積最小値テキスト">
          <a:extLst>
            <a:ext uri="{FF2B5EF4-FFF2-40B4-BE49-F238E27FC236}">
              <a16:creationId xmlns:a16="http://schemas.microsoft.com/office/drawing/2014/main" id="{E16DFECA-A615-43EE-A78C-32655B68E996}"/>
            </a:ext>
          </a:extLst>
        </xdr:cNvPr>
        <xdr:cNvSpPr txBox="1"/>
      </xdr:nvSpPr>
      <xdr:spPr>
        <a:xfrm>
          <a:off x="9258300" y="1071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46050</xdr:rowOff>
    </xdr:from>
    <xdr:to>
      <xdr:col>55</xdr:col>
      <xdr:colOff>88900</xdr:colOff>
      <xdr:row>63</xdr:row>
      <xdr:rowOff>146050</xdr:rowOff>
    </xdr:to>
    <xdr:cxnSp macro="">
      <xdr:nvCxnSpPr>
        <xdr:cNvPr id="233" name="直線コネクタ 232">
          <a:extLst>
            <a:ext uri="{FF2B5EF4-FFF2-40B4-BE49-F238E27FC236}">
              <a16:creationId xmlns:a16="http://schemas.microsoft.com/office/drawing/2014/main" id="{1951C4D5-0B54-4157-BE3A-A706DE54C290}"/>
            </a:ext>
          </a:extLst>
        </xdr:cNvPr>
        <xdr:cNvCxnSpPr/>
      </xdr:nvCxnSpPr>
      <xdr:spPr>
        <a:xfrm>
          <a:off x="9154160" y="107073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52087</xdr:rowOff>
    </xdr:from>
    <xdr:ext cx="469744" cy="259045"/>
    <xdr:sp macro="" textlink="">
      <xdr:nvSpPr>
        <xdr:cNvPr id="234" name="【体育館・プール】&#10;一人当たり面積最大値テキスト">
          <a:extLst>
            <a:ext uri="{FF2B5EF4-FFF2-40B4-BE49-F238E27FC236}">
              <a16:creationId xmlns:a16="http://schemas.microsoft.com/office/drawing/2014/main" id="{38FEF303-7B3A-4F65-94BF-FBD29F9BA504}"/>
            </a:ext>
          </a:extLst>
        </xdr:cNvPr>
        <xdr:cNvSpPr txBox="1"/>
      </xdr:nvSpPr>
      <xdr:spPr>
        <a:xfrm>
          <a:off x="9258300" y="910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05410</xdr:rowOff>
    </xdr:from>
    <xdr:to>
      <xdr:col>55</xdr:col>
      <xdr:colOff>88900</xdr:colOff>
      <xdr:row>55</xdr:row>
      <xdr:rowOff>105410</xdr:rowOff>
    </xdr:to>
    <xdr:cxnSp macro="">
      <xdr:nvCxnSpPr>
        <xdr:cNvPr id="235" name="直線コネクタ 234">
          <a:extLst>
            <a:ext uri="{FF2B5EF4-FFF2-40B4-BE49-F238E27FC236}">
              <a16:creationId xmlns:a16="http://schemas.microsoft.com/office/drawing/2014/main" id="{86F0B1F4-7B0F-4A74-968C-5273CC8F2318}"/>
            </a:ext>
          </a:extLst>
        </xdr:cNvPr>
        <xdr:cNvCxnSpPr/>
      </xdr:nvCxnSpPr>
      <xdr:spPr>
        <a:xfrm>
          <a:off x="9154160" y="93256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8907</xdr:rowOff>
    </xdr:from>
    <xdr:ext cx="469744" cy="259045"/>
    <xdr:sp macro="" textlink="">
      <xdr:nvSpPr>
        <xdr:cNvPr id="236" name="【体育館・プール】&#10;一人当たり面積平均値テキスト">
          <a:extLst>
            <a:ext uri="{FF2B5EF4-FFF2-40B4-BE49-F238E27FC236}">
              <a16:creationId xmlns:a16="http://schemas.microsoft.com/office/drawing/2014/main" id="{AFCAE766-3D81-4EBA-AED7-BF82F2574E92}"/>
            </a:ext>
          </a:extLst>
        </xdr:cNvPr>
        <xdr:cNvSpPr txBox="1"/>
      </xdr:nvSpPr>
      <xdr:spPr>
        <a:xfrm>
          <a:off x="9258300" y="100673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57480</xdr:rowOff>
    </xdr:from>
    <xdr:to>
      <xdr:col>55</xdr:col>
      <xdr:colOff>50800</xdr:colOff>
      <xdr:row>61</xdr:row>
      <xdr:rowOff>87630</xdr:rowOff>
    </xdr:to>
    <xdr:sp macro="" textlink="">
      <xdr:nvSpPr>
        <xdr:cNvPr id="237" name="フローチャート: 判断 236">
          <a:extLst>
            <a:ext uri="{FF2B5EF4-FFF2-40B4-BE49-F238E27FC236}">
              <a16:creationId xmlns:a16="http://schemas.microsoft.com/office/drawing/2014/main" id="{43A1C79F-93CA-48A9-ACCB-D115F233282F}"/>
            </a:ext>
          </a:extLst>
        </xdr:cNvPr>
        <xdr:cNvSpPr/>
      </xdr:nvSpPr>
      <xdr:spPr>
        <a:xfrm>
          <a:off x="9192260" y="102158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21590</xdr:rowOff>
    </xdr:from>
    <xdr:to>
      <xdr:col>50</xdr:col>
      <xdr:colOff>165100</xdr:colOff>
      <xdr:row>61</xdr:row>
      <xdr:rowOff>123190</xdr:rowOff>
    </xdr:to>
    <xdr:sp macro="" textlink="">
      <xdr:nvSpPr>
        <xdr:cNvPr id="238" name="フローチャート: 判断 237">
          <a:extLst>
            <a:ext uri="{FF2B5EF4-FFF2-40B4-BE49-F238E27FC236}">
              <a16:creationId xmlns:a16="http://schemas.microsoft.com/office/drawing/2014/main" id="{2AC96624-C99E-4298-9050-2CAA18DE68E8}"/>
            </a:ext>
          </a:extLst>
        </xdr:cNvPr>
        <xdr:cNvSpPr/>
      </xdr:nvSpPr>
      <xdr:spPr>
        <a:xfrm>
          <a:off x="8445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4290</xdr:rowOff>
    </xdr:from>
    <xdr:to>
      <xdr:col>46</xdr:col>
      <xdr:colOff>38100</xdr:colOff>
      <xdr:row>61</xdr:row>
      <xdr:rowOff>135890</xdr:rowOff>
    </xdr:to>
    <xdr:sp macro="" textlink="">
      <xdr:nvSpPr>
        <xdr:cNvPr id="239" name="フローチャート: 判断 238">
          <a:extLst>
            <a:ext uri="{FF2B5EF4-FFF2-40B4-BE49-F238E27FC236}">
              <a16:creationId xmlns:a16="http://schemas.microsoft.com/office/drawing/2014/main" id="{839FE413-3A32-4A8D-87CB-1BEC813778A3}"/>
            </a:ext>
          </a:extLst>
        </xdr:cNvPr>
        <xdr:cNvSpPr/>
      </xdr:nvSpPr>
      <xdr:spPr>
        <a:xfrm>
          <a:off x="7670800" y="102603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43180</xdr:rowOff>
    </xdr:from>
    <xdr:to>
      <xdr:col>41</xdr:col>
      <xdr:colOff>101600</xdr:colOff>
      <xdr:row>61</xdr:row>
      <xdr:rowOff>144780</xdr:rowOff>
    </xdr:to>
    <xdr:sp macro="" textlink="">
      <xdr:nvSpPr>
        <xdr:cNvPr id="240" name="フローチャート: 判断 239">
          <a:extLst>
            <a:ext uri="{FF2B5EF4-FFF2-40B4-BE49-F238E27FC236}">
              <a16:creationId xmlns:a16="http://schemas.microsoft.com/office/drawing/2014/main" id="{317AF3C9-1B28-41CA-A671-E194CFBF5E87}"/>
            </a:ext>
          </a:extLst>
        </xdr:cNvPr>
        <xdr:cNvSpPr/>
      </xdr:nvSpPr>
      <xdr:spPr>
        <a:xfrm>
          <a:off x="6873240" y="10269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60960</xdr:rowOff>
    </xdr:from>
    <xdr:to>
      <xdr:col>36</xdr:col>
      <xdr:colOff>165100</xdr:colOff>
      <xdr:row>61</xdr:row>
      <xdr:rowOff>162560</xdr:rowOff>
    </xdr:to>
    <xdr:sp macro="" textlink="">
      <xdr:nvSpPr>
        <xdr:cNvPr id="241" name="フローチャート: 判断 240">
          <a:extLst>
            <a:ext uri="{FF2B5EF4-FFF2-40B4-BE49-F238E27FC236}">
              <a16:creationId xmlns:a16="http://schemas.microsoft.com/office/drawing/2014/main" id="{BCFCD975-2B82-413F-8A46-A58A22579CC2}"/>
            </a:ext>
          </a:extLst>
        </xdr:cNvPr>
        <xdr:cNvSpPr/>
      </xdr:nvSpPr>
      <xdr:spPr>
        <a:xfrm>
          <a:off x="6098540" y="1028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04CB0476-3903-4B78-82EA-F9B60617A701}"/>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BD93F1D7-6336-4584-89D0-1D50B2E959EC}"/>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BEDE642C-8AA1-42C9-ABDE-EA04D85F8914}"/>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7A1C79E8-D4C1-477E-87FF-385516B7AAA0}"/>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662B9F02-B733-418E-A2CA-C15608A7AC96}"/>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77470</xdr:rowOff>
    </xdr:from>
    <xdr:to>
      <xdr:col>55</xdr:col>
      <xdr:colOff>50800</xdr:colOff>
      <xdr:row>64</xdr:row>
      <xdr:rowOff>7620</xdr:rowOff>
    </xdr:to>
    <xdr:sp macro="" textlink="">
      <xdr:nvSpPr>
        <xdr:cNvPr id="247" name="楕円 246">
          <a:extLst>
            <a:ext uri="{FF2B5EF4-FFF2-40B4-BE49-F238E27FC236}">
              <a16:creationId xmlns:a16="http://schemas.microsoft.com/office/drawing/2014/main" id="{B8AA6167-12C0-4112-85CF-61F5C5A28FCC}"/>
            </a:ext>
          </a:extLst>
        </xdr:cNvPr>
        <xdr:cNvSpPr/>
      </xdr:nvSpPr>
      <xdr:spPr>
        <a:xfrm>
          <a:off x="9192260" y="106387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63847</xdr:rowOff>
    </xdr:from>
    <xdr:ext cx="469744" cy="259045"/>
    <xdr:sp macro="" textlink="">
      <xdr:nvSpPr>
        <xdr:cNvPr id="248" name="【体育館・プール】&#10;一人当たり面積該当値テキスト">
          <a:extLst>
            <a:ext uri="{FF2B5EF4-FFF2-40B4-BE49-F238E27FC236}">
              <a16:creationId xmlns:a16="http://schemas.microsoft.com/office/drawing/2014/main" id="{039C13B8-08E1-4371-8D5D-FABB5194ABF8}"/>
            </a:ext>
          </a:extLst>
        </xdr:cNvPr>
        <xdr:cNvSpPr txBox="1"/>
      </xdr:nvSpPr>
      <xdr:spPr>
        <a:xfrm>
          <a:off x="9258300" y="1055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80010</xdr:rowOff>
    </xdr:from>
    <xdr:to>
      <xdr:col>50</xdr:col>
      <xdr:colOff>165100</xdr:colOff>
      <xdr:row>64</xdr:row>
      <xdr:rowOff>10160</xdr:rowOff>
    </xdr:to>
    <xdr:sp macro="" textlink="">
      <xdr:nvSpPr>
        <xdr:cNvPr id="249" name="楕円 248">
          <a:extLst>
            <a:ext uri="{FF2B5EF4-FFF2-40B4-BE49-F238E27FC236}">
              <a16:creationId xmlns:a16="http://schemas.microsoft.com/office/drawing/2014/main" id="{75E662C4-3276-472D-B5D1-C73E8393E0D6}"/>
            </a:ext>
          </a:extLst>
        </xdr:cNvPr>
        <xdr:cNvSpPr/>
      </xdr:nvSpPr>
      <xdr:spPr>
        <a:xfrm>
          <a:off x="8445500" y="106413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28270</xdr:rowOff>
    </xdr:from>
    <xdr:to>
      <xdr:col>55</xdr:col>
      <xdr:colOff>0</xdr:colOff>
      <xdr:row>63</xdr:row>
      <xdr:rowOff>130810</xdr:rowOff>
    </xdr:to>
    <xdr:cxnSp macro="">
      <xdr:nvCxnSpPr>
        <xdr:cNvPr id="250" name="直線コネクタ 249">
          <a:extLst>
            <a:ext uri="{FF2B5EF4-FFF2-40B4-BE49-F238E27FC236}">
              <a16:creationId xmlns:a16="http://schemas.microsoft.com/office/drawing/2014/main" id="{7136A95F-E684-49D6-98F4-F5390A4840CD}"/>
            </a:ext>
          </a:extLst>
        </xdr:cNvPr>
        <xdr:cNvCxnSpPr/>
      </xdr:nvCxnSpPr>
      <xdr:spPr>
        <a:xfrm flipV="1">
          <a:off x="8496300" y="10689590"/>
          <a:ext cx="7239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81280</xdr:rowOff>
    </xdr:from>
    <xdr:to>
      <xdr:col>46</xdr:col>
      <xdr:colOff>38100</xdr:colOff>
      <xdr:row>64</xdr:row>
      <xdr:rowOff>11430</xdr:rowOff>
    </xdr:to>
    <xdr:sp macro="" textlink="">
      <xdr:nvSpPr>
        <xdr:cNvPr id="251" name="楕円 250">
          <a:extLst>
            <a:ext uri="{FF2B5EF4-FFF2-40B4-BE49-F238E27FC236}">
              <a16:creationId xmlns:a16="http://schemas.microsoft.com/office/drawing/2014/main" id="{232C4F32-21DB-4FD9-A15D-EDDD24A05011}"/>
            </a:ext>
          </a:extLst>
        </xdr:cNvPr>
        <xdr:cNvSpPr/>
      </xdr:nvSpPr>
      <xdr:spPr>
        <a:xfrm>
          <a:off x="7670800" y="106426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30810</xdr:rowOff>
    </xdr:from>
    <xdr:to>
      <xdr:col>50</xdr:col>
      <xdr:colOff>114300</xdr:colOff>
      <xdr:row>63</xdr:row>
      <xdr:rowOff>132080</xdr:rowOff>
    </xdr:to>
    <xdr:cxnSp macro="">
      <xdr:nvCxnSpPr>
        <xdr:cNvPr id="252" name="直線コネクタ 251">
          <a:extLst>
            <a:ext uri="{FF2B5EF4-FFF2-40B4-BE49-F238E27FC236}">
              <a16:creationId xmlns:a16="http://schemas.microsoft.com/office/drawing/2014/main" id="{0836960F-5D7C-409C-BB6D-9A786AD19B9A}"/>
            </a:ext>
          </a:extLst>
        </xdr:cNvPr>
        <xdr:cNvCxnSpPr/>
      </xdr:nvCxnSpPr>
      <xdr:spPr>
        <a:xfrm flipV="1">
          <a:off x="7713980" y="10692130"/>
          <a:ext cx="78232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83820</xdr:rowOff>
    </xdr:from>
    <xdr:to>
      <xdr:col>41</xdr:col>
      <xdr:colOff>101600</xdr:colOff>
      <xdr:row>64</xdr:row>
      <xdr:rowOff>13970</xdr:rowOff>
    </xdr:to>
    <xdr:sp macro="" textlink="">
      <xdr:nvSpPr>
        <xdr:cNvPr id="253" name="楕円 252">
          <a:extLst>
            <a:ext uri="{FF2B5EF4-FFF2-40B4-BE49-F238E27FC236}">
              <a16:creationId xmlns:a16="http://schemas.microsoft.com/office/drawing/2014/main" id="{19F840F1-E347-4A3B-9288-3D8B15025101}"/>
            </a:ext>
          </a:extLst>
        </xdr:cNvPr>
        <xdr:cNvSpPr/>
      </xdr:nvSpPr>
      <xdr:spPr>
        <a:xfrm>
          <a:off x="6873240" y="106451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32080</xdr:rowOff>
    </xdr:from>
    <xdr:to>
      <xdr:col>45</xdr:col>
      <xdr:colOff>177800</xdr:colOff>
      <xdr:row>63</xdr:row>
      <xdr:rowOff>134620</xdr:rowOff>
    </xdr:to>
    <xdr:cxnSp macro="">
      <xdr:nvCxnSpPr>
        <xdr:cNvPr id="254" name="直線コネクタ 253">
          <a:extLst>
            <a:ext uri="{FF2B5EF4-FFF2-40B4-BE49-F238E27FC236}">
              <a16:creationId xmlns:a16="http://schemas.microsoft.com/office/drawing/2014/main" id="{2D0099F0-965D-4FA5-8D7D-5C2FD703EC86}"/>
            </a:ext>
          </a:extLst>
        </xdr:cNvPr>
        <xdr:cNvCxnSpPr/>
      </xdr:nvCxnSpPr>
      <xdr:spPr>
        <a:xfrm flipV="1">
          <a:off x="6924040" y="10693400"/>
          <a:ext cx="78994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85090</xdr:rowOff>
    </xdr:from>
    <xdr:to>
      <xdr:col>36</xdr:col>
      <xdr:colOff>165100</xdr:colOff>
      <xdr:row>64</xdr:row>
      <xdr:rowOff>15240</xdr:rowOff>
    </xdr:to>
    <xdr:sp macro="" textlink="">
      <xdr:nvSpPr>
        <xdr:cNvPr id="255" name="楕円 254">
          <a:extLst>
            <a:ext uri="{FF2B5EF4-FFF2-40B4-BE49-F238E27FC236}">
              <a16:creationId xmlns:a16="http://schemas.microsoft.com/office/drawing/2014/main" id="{B6C6026C-AFCC-496F-A0E1-4DDD3C56D0BC}"/>
            </a:ext>
          </a:extLst>
        </xdr:cNvPr>
        <xdr:cNvSpPr/>
      </xdr:nvSpPr>
      <xdr:spPr>
        <a:xfrm>
          <a:off x="6098540" y="106464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34620</xdr:rowOff>
    </xdr:from>
    <xdr:to>
      <xdr:col>41</xdr:col>
      <xdr:colOff>50800</xdr:colOff>
      <xdr:row>63</xdr:row>
      <xdr:rowOff>135890</xdr:rowOff>
    </xdr:to>
    <xdr:cxnSp macro="">
      <xdr:nvCxnSpPr>
        <xdr:cNvPr id="256" name="直線コネクタ 255">
          <a:extLst>
            <a:ext uri="{FF2B5EF4-FFF2-40B4-BE49-F238E27FC236}">
              <a16:creationId xmlns:a16="http://schemas.microsoft.com/office/drawing/2014/main" id="{02F53BAE-A49B-4CBD-8DA5-DB1C7FEDCA15}"/>
            </a:ext>
          </a:extLst>
        </xdr:cNvPr>
        <xdr:cNvCxnSpPr/>
      </xdr:nvCxnSpPr>
      <xdr:spPr>
        <a:xfrm flipV="1">
          <a:off x="6149340" y="10695940"/>
          <a:ext cx="7747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39717</xdr:rowOff>
    </xdr:from>
    <xdr:ext cx="469744" cy="259045"/>
    <xdr:sp macro="" textlink="">
      <xdr:nvSpPr>
        <xdr:cNvPr id="257" name="n_1aveValue【体育館・プール】&#10;一人当たり面積">
          <a:extLst>
            <a:ext uri="{FF2B5EF4-FFF2-40B4-BE49-F238E27FC236}">
              <a16:creationId xmlns:a16="http://schemas.microsoft.com/office/drawing/2014/main" id="{6D19A00E-2B9D-474E-8334-CE11CEA0AEB4}"/>
            </a:ext>
          </a:extLst>
        </xdr:cNvPr>
        <xdr:cNvSpPr txBox="1"/>
      </xdr:nvSpPr>
      <xdr:spPr>
        <a:xfrm>
          <a:off x="8271587" y="10030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52417</xdr:rowOff>
    </xdr:from>
    <xdr:ext cx="469744" cy="259045"/>
    <xdr:sp macro="" textlink="">
      <xdr:nvSpPr>
        <xdr:cNvPr id="258" name="n_2aveValue【体育館・プール】&#10;一人当たり面積">
          <a:extLst>
            <a:ext uri="{FF2B5EF4-FFF2-40B4-BE49-F238E27FC236}">
              <a16:creationId xmlns:a16="http://schemas.microsoft.com/office/drawing/2014/main" id="{489E9B63-BAE3-403C-96BB-372CDEAD4D0F}"/>
            </a:ext>
          </a:extLst>
        </xdr:cNvPr>
        <xdr:cNvSpPr txBox="1"/>
      </xdr:nvSpPr>
      <xdr:spPr>
        <a:xfrm>
          <a:off x="7509587" y="10043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61307</xdr:rowOff>
    </xdr:from>
    <xdr:ext cx="469744" cy="259045"/>
    <xdr:sp macro="" textlink="">
      <xdr:nvSpPr>
        <xdr:cNvPr id="259" name="n_3aveValue【体育館・プール】&#10;一人当たり面積">
          <a:extLst>
            <a:ext uri="{FF2B5EF4-FFF2-40B4-BE49-F238E27FC236}">
              <a16:creationId xmlns:a16="http://schemas.microsoft.com/office/drawing/2014/main" id="{4DA88189-64CB-46C9-BC20-E4CB8C05F03E}"/>
            </a:ext>
          </a:extLst>
        </xdr:cNvPr>
        <xdr:cNvSpPr txBox="1"/>
      </xdr:nvSpPr>
      <xdr:spPr>
        <a:xfrm>
          <a:off x="6712027" y="10052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7637</xdr:rowOff>
    </xdr:from>
    <xdr:ext cx="469744" cy="259045"/>
    <xdr:sp macro="" textlink="">
      <xdr:nvSpPr>
        <xdr:cNvPr id="260" name="n_4aveValue【体育館・プール】&#10;一人当たり面積">
          <a:extLst>
            <a:ext uri="{FF2B5EF4-FFF2-40B4-BE49-F238E27FC236}">
              <a16:creationId xmlns:a16="http://schemas.microsoft.com/office/drawing/2014/main" id="{E93AABF6-DF58-432F-83F3-234DA57BDFB2}"/>
            </a:ext>
          </a:extLst>
        </xdr:cNvPr>
        <xdr:cNvSpPr txBox="1"/>
      </xdr:nvSpPr>
      <xdr:spPr>
        <a:xfrm>
          <a:off x="5937327" y="10066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287</xdr:rowOff>
    </xdr:from>
    <xdr:ext cx="469744" cy="259045"/>
    <xdr:sp macro="" textlink="">
      <xdr:nvSpPr>
        <xdr:cNvPr id="261" name="n_1mainValue【体育館・プール】&#10;一人当たり面積">
          <a:extLst>
            <a:ext uri="{FF2B5EF4-FFF2-40B4-BE49-F238E27FC236}">
              <a16:creationId xmlns:a16="http://schemas.microsoft.com/office/drawing/2014/main" id="{D141D750-134F-46E7-BAAA-69B82C1B81CA}"/>
            </a:ext>
          </a:extLst>
        </xdr:cNvPr>
        <xdr:cNvSpPr txBox="1"/>
      </xdr:nvSpPr>
      <xdr:spPr>
        <a:xfrm>
          <a:off x="8271587" y="1073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2557</xdr:rowOff>
    </xdr:from>
    <xdr:ext cx="469744" cy="259045"/>
    <xdr:sp macro="" textlink="">
      <xdr:nvSpPr>
        <xdr:cNvPr id="262" name="n_2mainValue【体育館・プール】&#10;一人当たり面積">
          <a:extLst>
            <a:ext uri="{FF2B5EF4-FFF2-40B4-BE49-F238E27FC236}">
              <a16:creationId xmlns:a16="http://schemas.microsoft.com/office/drawing/2014/main" id="{1AA25966-C4F8-483C-8379-2520588F0D81}"/>
            </a:ext>
          </a:extLst>
        </xdr:cNvPr>
        <xdr:cNvSpPr txBox="1"/>
      </xdr:nvSpPr>
      <xdr:spPr>
        <a:xfrm>
          <a:off x="7509587" y="10731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5097</xdr:rowOff>
    </xdr:from>
    <xdr:ext cx="469744" cy="259045"/>
    <xdr:sp macro="" textlink="">
      <xdr:nvSpPr>
        <xdr:cNvPr id="263" name="n_3mainValue【体育館・プール】&#10;一人当たり面積">
          <a:extLst>
            <a:ext uri="{FF2B5EF4-FFF2-40B4-BE49-F238E27FC236}">
              <a16:creationId xmlns:a16="http://schemas.microsoft.com/office/drawing/2014/main" id="{52FF0AAE-D1D7-4128-838B-D0E05901775A}"/>
            </a:ext>
          </a:extLst>
        </xdr:cNvPr>
        <xdr:cNvSpPr txBox="1"/>
      </xdr:nvSpPr>
      <xdr:spPr>
        <a:xfrm>
          <a:off x="6712027" y="10734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6367</xdr:rowOff>
    </xdr:from>
    <xdr:ext cx="469744" cy="259045"/>
    <xdr:sp macro="" textlink="">
      <xdr:nvSpPr>
        <xdr:cNvPr id="264" name="n_4mainValue【体育館・プール】&#10;一人当たり面積">
          <a:extLst>
            <a:ext uri="{FF2B5EF4-FFF2-40B4-BE49-F238E27FC236}">
              <a16:creationId xmlns:a16="http://schemas.microsoft.com/office/drawing/2014/main" id="{F21DF063-056E-47D2-BA91-26890EDA4123}"/>
            </a:ext>
          </a:extLst>
        </xdr:cNvPr>
        <xdr:cNvSpPr txBox="1"/>
      </xdr:nvSpPr>
      <xdr:spPr>
        <a:xfrm>
          <a:off x="5937327" y="1073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F5E31D1F-790B-4CE1-97D8-C49BF3F12077}"/>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9923DD6E-D0C2-4BE4-8004-F527656B4814}"/>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2C07188D-E972-4B61-A385-581E19C79FD1}"/>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6ACF6D11-1BB6-4FE7-B240-F1701BC83EAD}"/>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91ABEA6C-A485-41B6-B6E1-4803FB1D77F9}"/>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1F62F674-90FB-43B3-B2A2-4DE1DA58046C}"/>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F33CF466-ED67-4091-9CD7-F621B74FE7F2}"/>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C795FDF2-5E5C-4161-8EC8-E5C4A39874A2}"/>
            </a:ext>
          </a:extLst>
        </xdr:cNvPr>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a:extLst>
            <a:ext uri="{FF2B5EF4-FFF2-40B4-BE49-F238E27FC236}">
              <a16:creationId xmlns:a16="http://schemas.microsoft.com/office/drawing/2014/main" id="{8D09EE6D-82E5-43EC-988C-F3303EA1EC38}"/>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a:extLst>
            <a:ext uri="{FF2B5EF4-FFF2-40B4-BE49-F238E27FC236}">
              <a16:creationId xmlns:a16="http://schemas.microsoft.com/office/drawing/2014/main" id="{606E3410-3E29-47AF-8748-7A7A0778DCC6}"/>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a:extLst>
            <a:ext uri="{FF2B5EF4-FFF2-40B4-BE49-F238E27FC236}">
              <a16:creationId xmlns:a16="http://schemas.microsoft.com/office/drawing/2014/main" id="{A392D388-1179-4F60-A3BE-C0D5B0FB6F41}"/>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a:extLst>
            <a:ext uri="{FF2B5EF4-FFF2-40B4-BE49-F238E27FC236}">
              <a16:creationId xmlns:a16="http://schemas.microsoft.com/office/drawing/2014/main" id="{B23B2E07-0ECA-405D-BCC4-8B32E5CC4669}"/>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a:extLst>
            <a:ext uri="{FF2B5EF4-FFF2-40B4-BE49-F238E27FC236}">
              <a16:creationId xmlns:a16="http://schemas.microsoft.com/office/drawing/2014/main" id="{B3900CD8-3E3D-46C7-8B9D-0FE60907E72C}"/>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a:extLst>
            <a:ext uri="{FF2B5EF4-FFF2-40B4-BE49-F238E27FC236}">
              <a16:creationId xmlns:a16="http://schemas.microsoft.com/office/drawing/2014/main" id="{9A04E36B-DC6A-40DD-8E67-7C0D5F3343FE}"/>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a:extLst>
            <a:ext uri="{FF2B5EF4-FFF2-40B4-BE49-F238E27FC236}">
              <a16:creationId xmlns:a16="http://schemas.microsoft.com/office/drawing/2014/main" id="{5936F402-BB03-417B-B59D-465824F0C6D6}"/>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a:extLst>
            <a:ext uri="{FF2B5EF4-FFF2-40B4-BE49-F238E27FC236}">
              <a16:creationId xmlns:a16="http://schemas.microsoft.com/office/drawing/2014/main" id="{8974A1A8-F3B8-46CB-A836-00F8393A973C}"/>
            </a:ext>
          </a:extLst>
        </xdr:cNvPr>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a:extLst>
            <a:ext uri="{FF2B5EF4-FFF2-40B4-BE49-F238E27FC236}">
              <a16:creationId xmlns:a16="http://schemas.microsoft.com/office/drawing/2014/main" id="{77BFAA5C-17D3-4DF4-B093-D570518D2C9B}"/>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a:extLst>
            <a:ext uri="{FF2B5EF4-FFF2-40B4-BE49-F238E27FC236}">
              <a16:creationId xmlns:a16="http://schemas.microsoft.com/office/drawing/2014/main" id="{D031669B-2CA3-4328-A416-EB916DFDC89E}"/>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a:extLst>
            <a:ext uri="{FF2B5EF4-FFF2-40B4-BE49-F238E27FC236}">
              <a16:creationId xmlns:a16="http://schemas.microsoft.com/office/drawing/2014/main" id="{E1EBD7DF-9071-4770-8A89-82C7849B88A9}"/>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a:extLst>
            <a:ext uri="{FF2B5EF4-FFF2-40B4-BE49-F238E27FC236}">
              <a16:creationId xmlns:a16="http://schemas.microsoft.com/office/drawing/2014/main" id="{9FF8E46B-310A-4256-BE25-CF0358733C6A}"/>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a:extLst>
            <a:ext uri="{FF2B5EF4-FFF2-40B4-BE49-F238E27FC236}">
              <a16:creationId xmlns:a16="http://schemas.microsoft.com/office/drawing/2014/main" id="{8EAECFF4-7855-4BE6-8AC5-00C3FBDA7FEB}"/>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a:extLst>
            <a:ext uri="{FF2B5EF4-FFF2-40B4-BE49-F238E27FC236}">
              <a16:creationId xmlns:a16="http://schemas.microsoft.com/office/drawing/2014/main" id="{B2D4E8B8-0589-420E-ADAE-7494B198BBD2}"/>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a:extLst>
            <a:ext uri="{FF2B5EF4-FFF2-40B4-BE49-F238E27FC236}">
              <a16:creationId xmlns:a16="http://schemas.microsoft.com/office/drawing/2014/main" id="{F01DDF8C-62CE-4784-BAE0-8052C856662A}"/>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a:extLst>
            <a:ext uri="{FF2B5EF4-FFF2-40B4-BE49-F238E27FC236}">
              <a16:creationId xmlns:a16="http://schemas.microsoft.com/office/drawing/2014/main" id="{03EEBA21-6DB9-4E47-9466-5C47410E023B}"/>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9" name="テキスト ボックス 288">
          <a:extLst>
            <a:ext uri="{FF2B5EF4-FFF2-40B4-BE49-F238E27FC236}">
              <a16:creationId xmlns:a16="http://schemas.microsoft.com/office/drawing/2014/main" id="{8ECCB361-570F-4298-8565-C99DDFBDA9A3}"/>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0" name="直線コネクタ 289">
          <a:extLst>
            <a:ext uri="{FF2B5EF4-FFF2-40B4-BE49-F238E27FC236}">
              <a16:creationId xmlns:a16="http://schemas.microsoft.com/office/drawing/2014/main" id="{A37CFFC9-55BB-470B-B98D-C23E22DD3B80}"/>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1" name="テキスト ボックス 290">
          <a:extLst>
            <a:ext uri="{FF2B5EF4-FFF2-40B4-BE49-F238E27FC236}">
              <a16:creationId xmlns:a16="http://schemas.microsoft.com/office/drawing/2014/main" id="{96E9DE99-4615-4E97-B0FE-D499A6B9837A}"/>
            </a:ext>
          </a:extLst>
        </xdr:cNvPr>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92" name="直線コネクタ 291">
          <a:extLst>
            <a:ext uri="{FF2B5EF4-FFF2-40B4-BE49-F238E27FC236}">
              <a16:creationId xmlns:a16="http://schemas.microsoft.com/office/drawing/2014/main" id="{542B3048-D2DB-46A4-B824-B9790D702253}"/>
            </a:ext>
          </a:extLst>
        </xdr:cNvPr>
        <xdr:cNvCxnSpPr/>
      </xdr:nvCxnSpPr>
      <xdr:spPr>
        <a:xfrm>
          <a:off x="67056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293" name="テキスト ボックス 292">
          <a:extLst>
            <a:ext uri="{FF2B5EF4-FFF2-40B4-BE49-F238E27FC236}">
              <a16:creationId xmlns:a16="http://schemas.microsoft.com/office/drawing/2014/main" id="{739DAE8B-2551-4AFD-81DC-34E5B69A665E}"/>
            </a:ext>
          </a:extLst>
        </xdr:cNvPr>
        <xdr:cNvSpPr txBox="1"/>
      </xdr:nvSpPr>
      <xdr:spPr>
        <a:xfrm>
          <a:off x="27196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94" name="直線コネクタ 293">
          <a:extLst>
            <a:ext uri="{FF2B5EF4-FFF2-40B4-BE49-F238E27FC236}">
              <a16:creationId xmlns:a16="http://schemas.microsoft.com/office/drawing/2014/main" id="{AE6C3EE7-BD1E-45B3-A06F-AC5628E6CB09}"/>
            </a:ext>
          </a:extLst>
        </xdr:cNvPr>
        <xdr:cNvCxnSpPr/>
      </xdr:nvCxnSpPr>
      <xdr:spPr>
        <a:xfrm>
          <a:off x="67056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95" name="テキスト ボックス 294">
          <a:extLst>
            <a:ext uri="{FF2B5EF4-FFF2-40B4-BE49-F238E27FC236}">
              <a16:creationId xmlns:a16="http://schemas.microsoft.com/office/drawing/2014/main" id="{106CAD70-CC41-4842-BDC3-EB86BF57B20E}"/>
            </a:ext>
          </a:extLst>
        </xdr:cNvPr>
        <xdr:cNvSpPr txBox="1"/>
      </xdr:nvSpPr>
      <xdr:spPr>
        <a:xfrm>
          <a:off x="33608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96" name="直線コネクタ 295">
          <a:extLst>
            <a:ext uri="{FF2B5EF4-FFF2-40B4-BE49-F238E27FC236}">
              <a16:creationId xmlns:a16="http://schemas.microsoft.com/office/drawing/2014/main" id="{E86B2C8D-E844-45C3-95B5-C9012B9F7FB1}"/>
            </a:ext>
          </a:extLst>
        </xdr:cNvPr>
        <xdr:cNvCxnSpPr/>
      </xdr:nvCxnSpPr>
      <xdr:spPr>
        <a:xfrm>
          <a:off x="67056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97" name="テキスト ボックス 296">
          <a:extLst>
            <a:ext uri="{FF2B5EF4-FFF2-40B4-BE49-F238E27FC236}">
              <a16:creationId xmlns:a16="http://schemas.microsoft.com/office/drawing/2014/main" id="{4F2AA2A3-A01A-4955-B2C1-6C38AF579599}"/>
            </a:ext>
          </a:extLst>
        </xdr:cNvPr>
        <xdr:cNvSpPr txBox="1"/>
      </xdr:nvSpPr>
      <xdr:spPr>
        <a:xfrm>
          <a:off x="33608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298" name="直線コネクタ 297">
          <a:extLst>
            <a:ext uri="{FF2B5EF4-FFF2-40B4-BE49-F238E27FC236}">
              <a16:creationId xmlns:a16="http://schemas.microsoft.com/office/drawing/2014/main" id="{6658F723-0B0B-4CD1-B924-4428AB95E9F0}"/>
            </a:ext>
          </a:extLst>
        </xdr:cNvPr>
        <xdr:cNvCxnSpPr/>
      </xdr:nvCxnSpPr>
      <xdr:spPr>
        <a:xfrm>
          <a:off x="67056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299" name="テキスト ボックス 298">
          <a:extLst>
            <a:ext uri="{FF2B5EF4-FFF2-40B4-BE49-F238E27FC236}">
              <a16:creationId xmlns:a16="http://schemas.microsoft.com/office/drawing/2014/main" id="{EE1CFF0E-C3A8-4FC6-BC44-0FDFD9C867BC}"/>
            </a:ext>
          </a:extLst>
        </xdr:cNvPr>
        <xdr:cNvSpPr txBox="1"/>
      </xdr:nvSpPr>
      <xdr:spPr>
        <a:xfrm>
          <a:off x="33608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00" name="直線コネクタ 299">
          <a:extLst>
            <a:ext uri="{FF2B5EF4-FFF2-40B4-BE49-F238E27FC236}">
              <a16:creationId xmlns:a16="http://schemas.microsoft.com/office/drawing/2014/main" id="{6B2FC52B-68C2-435E-AC37-544E16E4A39A}"/>
            </a:ext>
          </a:extLst>
        </xdr:cNvPr>
        <xdr:cNvCxnSpPr/>
      </xdr:nvCxnSpPr>
      <xdr:spPr>
        <a:xfrm>
          <a:off x="67056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01" name="テキスト ボックス 300">
          <a:extLst>
            <a:ext uri="{FF2B5EF4-FFF2-40B4-BE49-F238E27FC236}">
              <a16:creationId xmlns:a16="http://schemas.microsoft.com/office/drawing/2014/main" id="{28183F4D-7F8C-4C32-AF8E-083763D5D400}"/>
            </a:ext>
          </a:extLst>
        </xdr:cNvPr>
        <xdr:cNvSpPr txBox="1"/>
      </xdr:nvSpPr>
      <xdr:spPr>
        <a:xfrm>
          <a:off x="336081" y="166255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2" name="直線コネクタ 301">
          <a:extLst>
            <a:ext uri="{FF2B5EF4-FFF2-40B4-BE49-F238E27FC236}">
              <a16:creationId xmlns:a16="http://schemas.microsoft.com/office/drawing/2014/main" id="{A60C016F-7F27-4C59-B30D-7988E3289C24}"/>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03" name="テキスト ボックス 302">
          <a:extLst>
            <a:ext uri="{FF2B5EF4-FFF2-40B4-BE49-F238E27FC236}">
              <a16:creationId xmlns:a16="http://schemas.microsoft.com/office/drawing/2014/main" id="{C171687B-B614-4073-B6C0-877958D18CF3}"/>
            </a:ext>
          </a:extLst>
        </xdr:cNvPr>
        <xdr:cNvSpPr txBox="1"/>
      </xdr:nvSpPr>
      <xdr:spPr>
        <a:xfrm>
          <a:off x="377341" y="1625601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04" name="【市民会館】&#10;有形固定資産減価償却率グラフ枠">
          <a:extLst>
            <a:ext uri="{FF2B5EF4-FFF2-40B4-BE49-F238E27FC236}">
              <a16:creationId xmlns:a16="http://schemas.microsoft.com/office/drawing/2014/main" id="{9B3B215F-ADF4-48A4-B666-B7BE05C83472}"/>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0486</xdr:rowOff>
    </xdr:from>
    <xdr:to>
      <xdr:col>24</xdr:col>
      <xdr:colOff>62865</xdr:colOff>
      <xdr:row>108</xdr:row>
      <xdr:rowOff>144780</xdr:rowOff>
    </xdr:to>
    <xdr:cxnSp macro="">
      <xdr:nvCxnSpPr>
        <xdr:cNvPr id="305" name="直線コネクタ 304">
          <a:extLst>
            <a:ext uri="{FF2B5EF4-FFF2-40B4-BE49-F238E27FC236}">
              <a16:creationId xmlns:a16="http://schemas.microsoft.com/office/drawing/2014/main" id="{3800023F-3B2C-446B-897D-87104A3CF38C}"/>
            </a:ext>
          </a:extLst>
        </xdr:cNvPr>
        <xdr:cNvCxnSpPr/>
      </xdr:nvCxnSpPr>
      <xdr:spPr>
        <a:xfrm flipV="1">
          <a:off x="4086225" y="16834486"/>
          <a:ext cx="0" cy="1415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48607</xdr:rowOff>
    </xdr:from>
    <xdr:ext cx="405111" cy="259045"/>
    <xdr:sp macro="" textlink="">
      <xdr:nvSpPr>
        <xdr:cNvPr id="306" name="【市民会館】&#10;有形固定資産減価償却率最小値テキスト">
          <a:extLst>
            <a:ext uri="{FF2B5EF4-FFF2-40B4-BE49-F238E27FC236}">
              <a16:creationId xmlns:a16="http://schemas.microsoft.com/office/drawing/2014/main" id="{924D97C1-DA92-4B7A-BC3C-4C5F39341B9D}"/>
            </a:ext>
          </a:extLst>
        </xdr:cNvPr>
        <xdr:cNvSpPr txBox="1"/>
      </xdr:nvSpPr>
      <xdr:spPr>
        <a:xfrm>
          <a:off x="4124960" y="1825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44780</xdr:rowOff>
    </xdr:from>
    <xdr:to>
      <xdr:col>24</xdr:col>
      <xdr:colOff>152400</xdr:colOff>
      <xdr:row>108</xdr:row>
      <xdr:rowOff>144780</xdr:rowOff>
    </xdr:to>
    <xdr:cxnSp macro="">
      <xdr:nvCxnSpPr>
        <xdr:cNvPr id="307" name="直線コネクタ 306">
          <a:extLst>
            <a:ext uri="{FF2B5EF4-FFF2-40B4-BE49-F238E27FC236}">
              <a16:creationId xmlns:a16="http://schemas.microsoft.com/office/drawing/2014/main" id="{9F81796D-E44F-4630-8C36-42FBD256EB31}"/>
            </a:ext>
          </a:extLst>
        </xdr:cNvPr>
        <xdr:cNvCxnSpPr/>
      </xdr:nvCxnSpPr>
      <xdr:spPr>
        <a:xfrm>
          <a:off x="4020820" y="182499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7163</xdr:rowOff>
    </xdr:from>
    <xdr:ext cx="405111" cy="259045"/>
    <xdr:sp macro="" textlink="">
      <xdr:nvSpPr>
        <xdr:cNvPr id="308" name="【市民会館】&#10;有形固定資産減価償却率最大値テキスト">
          <a:extLst>
            <a:ext uri="{FF2B5EF4-FFF2-40B4-BE49-F238E27FC236}">
              <a16:creationId xmlns:a16="http://schemas.microsoft.com/office/drawing/2014/main" id="{99166E30-828E-4073-8EEF-A6E14458BA24}"/>
            </a:ext>
          </a:extLst>
        </xdr:cNvPr>
        <xdr:cNvSpPr txBox="1"/>
      </xdr:nvSpPr>
      <xdr:spPr>
        <a:xfrm>
          <a:off x="4124960" y="16613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0486</xdr:rowOff>
    </xdr:from>
    <xdr:to>
      <xdr:col>24</xdr:col>
      <xdr:colOff>152400</xdr:colOff>
      <xdr:row>100</xdr:row>
      <xdr:rowOff>70486</xdr:rowOff>
    </xdr:to>
    <xdr:cxnSp macro="">
      <xdr:nvCxnSpPr>
        <xdr:cNvPr id="309" name="直線コネクタ 308">
          <a:extLst>
            <a:ext uri="{FF2B5EF4-FFF2-40B4-BE49-F238E27FC236}">
              <a16:creationId xmlns:a16="http://schemas.microsoft.com/office/drawing/2014/main" id="{51D01AE8-82A1-49F8-842B-87AD225A44FB}"/>
            </a:ext>
          </a:extLst>
        </xdr:cNvPr>
        <xdr:cNvCxnSpPr/>
      </xdr:nvCxnSpPr>
      <xdr:spPr>
        <a:xfrm>
          <a:off x="4020820" y="1683448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03522</xdr:rowOff>
    </xdr:from>
    <xdr:ext cx="405111" cy="259045"/>
    <xdr:sp macro="" textlink="">
      <xdr:nvSpPr>
        <xdr:cNvPr id="310" name="【市民会館】&#10;有形固定資産減価償却率平均値テキスト">
          <a:extLst>
            <a:ext uri="{FF2B5EF4-FFF2-40B4-BE49-F238E27FC236}">
              <a16:creationId xmlns:a16="http://schemas.microsoft.com/office/drawing/2014/main" id="{FF52B2AC-1345-4315-8004-03CFE09A2631}"/>
            </a:ext>
          </a:extLst>
        </xdr:cNvPr>
        <xdr:cNvSpPr txBox="1"/>
      </xdr:nvSpPr>
      <xdr:spPr>
        <a:xfrm>
          <a:off x="4124960" y="173704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80645</xdr:rowOff>
    </xdr:from>
    <xdr:to>
      <xdr:col>24</xdr:col>
      <xdr:colOff>114300</xdr:colOff>
      <xdr:row>105</xdr:row>
      <xdr:rowOff>10795</xdr:rowOff>
    </xdr:to>
    <xdr:sp macro="" textlink="">
      <xdr:nvSpPr>
        <xdr:cNvPr id="311" name="フローチャート: 判断 310">
          <a:extLst>
            <a:ext uri="{FF2B5EF4-FFF2-40B4-BE49-F238E27FC236}">
              <a16:creationId xmlns:a16="http://schemas.microsoft.com/office/drawing/2014/main" id="{46B369EA-8F62-468F-83A2-9B3BFB968E31}"/>
            </a:ext>
          </a:extLst>
        </xdr:cNvPr>
        <xdr:cNvSpPr/>
      </xdr:nvSpPr>
      <xdr:spPr>
        <a:xfrm>
          <a:off x="4036060" y="175152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4450</xdr:rowOff>
    </xdr:from>
    <xdr:to>
      <xdr:col>20</xdr:col>
      <xdr:colOff>38100</xdr:colOff>
      <xdr:row>104</xdr:row>
      <xdr:rowOff>146050</xdr:rowOff>
    </xdr:to>
    <xdr:sp macro="" textlink="">
      <xdr:nvSpPr>
        <xdr:cNvPr id="312" name="フローチャート: 判断 311">
          <a:extLst>
            <a:ext uri="{FF2B5EF4-FFF2-40B4-BE49-F238E27FC236}">
              <a16:creationId xmlns:a16="http://schemas.microsoft.com/office/drawing/2014/main" id="{34FF685D-A88B-49C9-ACFC-EDD93CCE6EE2}"/>
            </a:ext>
          </a:extLst>
        </xdr:cNvPr>
        <xdr:cNvSpPr/>
      </xdr:nvSpPr>
      <xdr:spPr>
        <a:xfrm>
          <a:off x="3312160" y="1747901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7780</xdr:rowOff>
    </xdr:from>
    <xdr:to>
      <xdr:col>15</xdr:col>
      <xdr:colOff>101600</xdr:colOff>
      <xdr:row>104</xdr:row>
      <xdr:rowOff>119380</xdr:rowOff>
    </xdr:to>
    <xdr:sp macro="" textlink="">
      <xdr:nvSpPr>
        <xdr:cNvPr id="313" name="フローチャート: 判断 312">
          <a:extLst>
            <a:ext uri="{FF2B5EF4-FFF2-40B4-BE49-F238E27FC236}">
              <a16:creationId xmlns:a16="http://schemas.microsoft.com/office/drawing/2014/main" id="{41FFD157-5B41-46A0-9981-C4A752D88C51}"/>
            </a:ext>
          </a:extLst>
        </xdr:cNvPr>
        <xdr:cNvSpPr/>
      </xdr:nvSpPr>
      <xdr:spPr>
        <a:xfrm>
          <a:off x="2514600" y="17452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43511</xdr:rowOff>
    </xdr:from>
    <xdr:to>
      <xdr:col>10</xdr:col>
      <xdr:colOff>165100</xdr:colOff>
      <xdr:row>104</xdr:row>
      <xdr:rowOff>73661</xdr:rowOff>
    </xdr:to>
    <xdr:sp macro="" textlink="">
      <xdr:nvSpPr>
        <xdr:cNvPr id="314" name="フローチャート: 判断 313">
          <a:extLst>
            <a:ext uri="{FF2B5EF4-FFF2-40B4-BE49-F238E27FC236}">
              <a16:creationId xmlns:a16="http://schemas.microsoft.com/office/drawing/2014/main" id="{8F4DA9EF-A3D8-44DB-9286-9546B0F4B005}"/>
            </a:ext>
          </a:extLst>
        </xdr:cNvPr>
        <xdr:cNvSpPr/>
      </xdr:nvSpPr>
      <xdr:spPr>
        <a:xfrm>
          <a:off x="1739900" y="174104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41605</xdr:rowOff>
    </xdr:from>
    <xdr:to>
      <xdr:col>6</xdr:col>
      <xdr:colOff>38100</xdr:colOff>
      <xdr:row>104</xdr:row>
      <xdr:rowOff>71755</xdr:rowOff>
    </xdr:to>
    <xdr:sp macro="" textlink="">
      <xdr:nvSpPr>
        <xdr:cNvPr id="315" name="フローチャート: 判断 314">
          <a:extLst>
            <a:ext uri="{FF2B5EF4-FFF2-40B4-BE49-F238E27FC236}">
              <a16:creationId xmlns:a16="http://schemas.microsoft.com/office/drawing/2014/main" id="{1216C681-1A70-481A-BF85-F31EEE9B4CEE}"/>
            </a:ext>
          </a:extLst>
        </xdr:cNvPr>
        <xdr:cNvSpPr/>
      </xdr:nvSpPr>
      <xdr:spPr>
        <a:xfrm>
          <a:off x="965200" y="1740852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6" name="テキスト ボックス 315">
          <a:extLst>
            <a:ext uri="{FF2B5EF4-FFF2-40B4-BE49-F238E27FC236}">
              <a16:creationId xmlns:a16="http://schemas.microsoft.com/office/drawing/2014/main" id="{25BCDC5B-A96B-4AFC-9E11-3A3D98D2BDEE}"/>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id="{2874BB3A-657D-4052-932B-BE1C92C1E9CE}"/>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8" name="テキスト ボックス 317">
          <a:extLst>
            <a:ext uri="{FF2B5EF4-FFF2-40B4-BE49-F238E27FC236}">
              <a16:creationId xmlns:a16="http://schemas.microsoft.com/office/drawing/2014/main" id="{E3C2C184-C22B-4FDE-8CF2-2D581B67C5B9}"/>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19" name="テキスト ボックス 318">
          <a:extLst>
            <a:ext uri="{FF2B5EF4-FFF2-40B4-BE49-F238E27FC236}">
              <a16:creationId xmlns:a16="http://schemas.microsoft.com/office/drawing/2014/main" id="{CA325668-B763-4B48-86B7-88611333B5B8}"/>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0" name="テキスト ボックス 319">
          <a:extLst>
            <a:ext uri="{FF2B5EF4-FFF2-40B4-BE49-F238E27FC236}">
              <a16:creationId xmlns:a16="http://schemas.microsoft.com/office/drawing/2014/main" id="{A10A9028-7E4E-4F56-A48F-3CCC9AC02F69}"/>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31114</xdr:rowOff>
    </xdr:from>
    <xdr:to>
      <xdr:col>24</xdr:col>
      <xdr:colOff>114300</xdr:colOff>
      <xdr:row>106</xdr:row>
      <xdr:rowOff>132714</xdr:rowOff>
    </xdr:to>
    <xdr:sp macro="" textlink="">
      <xdr:nvSpPr>
        <xdr:cNvPr id="321" name="楕円 320">
          <a:extLst>
            <a:ext uri="{FF2B5EF4-FFF2-40B4-BE49-F238E27FC236}">
              <a16:creationId xmlns:a16="http://schemas.microsoft.com/office/drawing/2014/main" id="{EC8C8399-8208-41D3-ACF0-1F24E53A9751}"/>
            </a:ext>
          </a:extLst>
        </xdr:cNvPr>
        <xdr:cNvSpPr/>
      </xdr:nvSpPr>
      <xdr:spPr>
        <a:xfrm>
          <a:off x="4036060" y="17800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9541</xdr:rowOff>
    </xdr:from>
    <xdr:ext cx="405111" cy="259045"/>
    <xdr:sp macro="" textlink="">
      <xdr:nvSpPr>
        <xdr:cNvPr id="322" name="【市民会館】&#10;有形固定資産減価償却率該当値テキスト">
          <a:extLst>
            <a:ext uri="{FF2B5EF4-FFF2-40B4-BE49-F238E27FC236}">
              <a16:creationId xmlns:a16="http://schemas.microsoft.com/office/drawing/2014/main" id="{AEA08E2F-80FB-480D-AD37-025ED025E04C}"/>
            </a:ext>
          </a:extLst>
        </xdr:cNvPr>
        <xdr:cNvSpPr txBox="1"/>
      </xdr:nvSpPr>
      <xdr:spPr>
        <a:xfrm>
          <a:off x="4124960" y="17779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12064</xdr:rowOff>
    </xdr:from>
    <xdr:to>
      <xdr:col>20</xdr:col>
      <xdr:colOff>38100</xdr:colOff>
      <xdr:row>106</xdr:row>
      <xdr:rowOff>113664</xdr:rowOff>
    </xdr:to>
    <xdr:sp macro="" textlink="">
      <xdr:nvSpPr>
        <xdr:cNvPr id="323" name="楕円 322">
          <a:extLst>
            <a:ext uri="{FF2B5EF4-FFF2-40B4-BE49-F238E27FC236}">
              <a16:creationId xmlns:a16="http://schemas.microsoft.com/office/drawing/2014/main" id="{875AA811-E52B-4C65-9635-785A0DECBCDE}"/>
            </a:ext>
          </a:extLst>
        </xdr:cNvPr>
        <xdr:cNvSpPr/>
      </xdr:nvSpPr>
      <xdr:spPr>
        <a:xfrm>
          <a:off x="3312160" y="1778190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62864</xdr:rowOff>
    </xdr:from>
    <xdr:to>
      <xdr:col>24</xdr:col>
      <xdr:colOff>63500</xdr:colOff>
      <xdr:row>106</xdr:row>
      <xdr:rowOff>81914</xdr:rowOff>
    </xdr:to>
    <xdr:cxnSp macro="">
      <xdr:nvCxnSpPr>
        <xdr:cNvPr id="324" name="直線コネクタ 323">
          <a:extLst>
            <a:ext uri="{FF2B5EF4-FFF2-40B4-BE49-F238E27FC236}">
              <a16:creationId xmlns:a16="http://schemas.microsoft.com/office/drawing/2014/main" id="{3447E5FB-C42B-42FF-8A2B-10231FB840CB}"/>
            </a:ext>
          </a:extLst>
        </xdr:cNvPr>
        <xdr:cNvCxnSpPr/>
      </xdr:nvCxnSpPr>
      <xdr:spPr>
        <a:xfrm>
          <a:off x="3355340" y="17832704"/>
          <a:ext cx="73152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43511</xdr:rowOff>
    </xdr:from>
    <xdr:to>
      <xdr:col>15</xdr:col>
      <xdr:colOff>101600</xdr:colOff>
      <xdr:row>106</xdr:row>
      <xdr:rowOff>73661</xdr:rowOff>
    </xdr:to>
    <xdr:sp macro="" textlink="">
      <xdr:nvSpPr>
        <xdr:cNvPr id="325" name="楕円 324">
          <a:extLst>
            <a:ext uri="{FF2B5EF4-FFF2-40B4-BE49-F238E27FC236}">
              <a16:creationId xmlns:a16="http://schemas.microsoft.com/office/drawing/2014/main" id="{65ECB42C-CFDC-4F64-B143-4E815E36DC0B}"/>
            </a:ext>
          </a:extLst>
        </xdr:cNvPr>
        <xdr:cNvSpPr/>
      </xdr:nvSpPr>
      <xdr:spPr>
        <a:xfrm>
          <a:off x="2514600" y="177457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22861</xdr:rowOff>
    </xdr:from>
    <xdr:to>
      <xdr:col>19</xdr:col>
      <xdr:colOff>177800</xdr:colOff>
      <xdr:row>106</xdr:row>
      <xdr:rowOff>62864</xdr:rowOff>
    </xdr:to>
    <xdr:cxnSp macro="">
      <xdr:nvCxnSpPr>
        <xdr:cNvPr id="326" name="直線コネクタ 325">
          <a:extLst>
            <a:ext uri="{FF2B5EF4-FFF2-40B4-BE49-F238E27FC236}">
              <a16:creationId xmlns:a16="http://schemas.microsoft.com/office/drawing/2014/main" id="{5958BCDE-62CB-4E4C-9E27-28BC6BEF44DA}"/>
            </a:ext>
          </a:extLst>
        </xdr:cNvPr>
        <xdr:cNvCxnSpPr/>
      </xdr:nvCxnSpPr>
      <xdr:spPr>
        <a:xfrm>
          <a:off x="2565400" y="17792701"/>
          <a:ext cx="78994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01600</xdr:rowOff>
    </xdr:from>
    <xdr:to>
      <xdr:col>10</xdr:col>
      <xdr:colOff>165100</xdr:colOff>
      <xdr:row>106</xdr:row>
      <xdr:rowOff>31750</xdr:rowOff>
    </xdr:to>
    <xdr:sp macro="" textlink="">
      <xdr:nvSpPr>
        <xdr:cNvPr id="327" name="楕円 326">
          <a:extLst>
            <a:ext uri="{FF2B5EF4-FFF2-40B4-BE49-F238E27FC236}">
              <a16:creationId xmlns:a16="http://schemas.microsoft.com/office/drawing/2014/main" id="{F1C7A4FE-F9E0-4934-836F-791B811424A0}"/>
            </a:ext>
          </a:extLst>
        </xdr:cNvPr>
        <xdr:cNvSpPr/>
      </xdr:nvSpPr>
      <xdr:spPr>
        <a:xfrm>
          <a:off x="1739900" y="177038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52400</xdr:rowOff>
    </xdr:from>
    <xdr:to>
      <xdr:col>15</xdr:col>
      <xdr:colOff>50800</xdr:colOff>
      <xdr:row>106</xdr:row>
      <xdr:rowOff>22861</xdr:rowOff>
    </xdr:to>
    <xdr:cxnSp macro="">
      <xdr:nvCxnSpPr>
        <xdr:cNvPr id="328" name="直線コネクタ 327">
          <a:extLst>
            <a:ext uri="{FF2B5EF4-FFF2-40B4-BE49-F238E27FC236}">
              <a16:creationId xmlns:a16="http://schemas.microsoft.com/office/drawing/2014/main" id="{10B84666-24A8-49E3-9DF8-D64171CB6446}"/>
            </a:ext>
          </a:extLst>
        </xdr:cNvPr>
        <xdr:cNvCxnSpPr/>
      </xdr:nvCxnSpPr>
      <xdr:spPr>
        <a:xfrm>
          <a:off x="1790700" y="17754600"/>
          <a:ext cx="774700" cy="38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59689</xdr:rowOff>
    </xdr:from>
    <xdr:to>
      <xdr:col>6</xdr:col>
      <xdr:colOff>38100</xdr:colOff>
      <xdr:row>105</xdr:row>
      <xdr:rowOff>161289</xdr:rowOff>
    </xdr:to>
    <xdr:sp macro="" textlink="">
      <xdr:nvSpPr>
        <xdr:cNvPr id="329" name="楕円 328">
          <a:extLst>
            <a:ext uri="{FF2B5EF4-FFF2-40B4-BE49-F238E27FC236}">
              <a16:creationId xmlns:a16="http://schemas.microsoft.com/office/drawing/2014/main" id="{91405CBF-3BB5-42AA-BEEF-A829C9A676C2}"/>
            </a:ext>
          </a:extLst>
        </xdr:cNvPr>
        <xdr:cNvSpPr/>
      </xdr:nvSpPr>
      <xdr:spPr>
        <a:xfrm>
          <a:off x="965200" y="1766188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10489</xdr:rowOff>
    </xdr:from>
    <xdr:to>
      <xdr:col>10</xdr:col>
      <xdr:colOff>114300</xdr:colOff>
      <xdr:row>105</xdr:row>
      <xdr:rowOff>152400</xdr:rowOff>
    </xdr:to>
    <xdr:cxnSp macro="">
      <xdr:nvCxnSpPr>
        <xdr:cNvPr id="330" name="直線コネクタ 329">
          <a:extLst>
            <a:ext uri="{FF2B5EF4-FFF2-40B4-BE49-F238E27FC236}">
              <a16:creationId xmlns:a16="http://schemas.microsoft.com/office/drawing/2014/main" id="{FE447422-BFBA-49A8-A627-0F519473400D}"/>
            </a:ext>
          </a:extLst>
        </xdr:cNvPr>
        <xdr:cNvCxnSpPr/>
      </xdr:nvCxnSpPr>
      <xdr:spPr>
        <a:xfrm>
          <a:off x="1008380" y="17712689"/>
          <a:ext cx="78232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62577</xdr:rowOff>
    </xdr:from>
    <xdr:ext cx="405111" cy="259045"/>
    <xdr:sp macro="" textlink="">
      <xdr:nvSpPr>
        <xdr:cNvPr id="331" name="n_1aveValue【市民会館】&#10;有形固定資産減価償却率">
          <a:extLst>
            <a:ext uri="{FF2B5EF4-FFF2-40B4-BE49-F238E27FC236}">
              <a16:creationId xmlns:a16="http://schemas.microsoft.com/office/drawing/2014/main" id="{9B593444-88D6-4AB9-8C66-639BFA9BC6DB}"/>
            </a:ext>
          </a:extLst>
        </xdr:cNvPr>
        <xdr:cNvSpPr txBox="1"/>
      </xdr:nvSpPr>
      <xdr:spPr>
        <a:xfrm>
          <a:off x="3170564" y="1726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35907</xdr:rowOff>
    </xdr:from>
    <xdr:ext cx="405111" cy="259045"/>
    <xdr:sp macro="" textlink="">
      <xdr:nvSpPr>
        <xdr:cNvPr id="332" name="n_2aveValue【市民会館】&#10;有形固定資産減価償却率">
          <a:extLst>
            <a:ext uri="{FF2B5EF4-FFF2-40B4-BE49-F238E27FC236}">
              <a16:creationId xmlns:a16="http://schemas.microsoft.com/office/drawing/2014/main" id="{D765BB7B-B662-4EB9-8FB7-9B4EFBA35DB8}"/>
            </a:ext>
          </a:extLst>
        </xdr:cNvPr>
        <xdr:cNvSpPr txBox="1"/>
      </xdr:nvSpPr>
      <xdr:spPr>
        <a:xfrm>
          <a:off x="2385704" y="17235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90188</xdr:rowOff>
    </xdr:from>
    <xdr:ext cx="405111" cy="259045"/>
    <xdr:sp macro="" textlink="">
      <xdr:nvSpPr>
        <xdr:cNvPr id="333" name="n_3aveValue【市民会館】&#10;有形固定資産減価償却率">
          <a:extLst>
            <a:ext uri="{FF2B5EF4-FFF2-40B4-BE49-F238E27FC236}">
              <a16:creationId xmlns:a16="http://schemas.microsoft.com/office/drawing/2014/main" id="{899D08EB-F397-4F2F-B2A0-AEB9565A4216}"/>
            </a:ext>
          </a:extLst>
        </xdr:cNvPr>
        <xdr:cNvSpPr txBox="1"/>
      </xdr:nvSpPr>
      <xdr:spPr>
        <a:xfrm>
          <a:off x="1611004" y="17189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88282</xdr:rowOff>
    </xdr:from>
    <xdr:ext cx="405111" cy="259045"/>
    <xdr:sp macro="" textlink="">
      <xdr:nvSpPr>
        <xdr:cNvPr id="334" name="n_4aveValue【市民会館】&#10;有形固定資産減価償却率">
          <a:extLst>
            <a:ext uri="{FF2B5EF4-FFF2-40B4-BE49-F238E27FC236}">
              <a16:creationId xmlns:a16="http://schemas.microsoft.com/office/drawing/2014/main" id="{C7F422E5-66EF-4903-BB44-CD756E2CF911}"/>
            </a:ext>
          </a:extLst>
        </xdr:cNvPr>
        <xdr:cNvSpPr txBox="1"/>
      </xdr:nvSpPr>
      <xdr:spPr>
        <a:xfrm>
          <a:off x="836304" y="17187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104791</xdr:rowOff>
    </xdr:from>
    <xdr:ext cx="405111" cy="259045"/>
    <xdr:sp macro="" textlink="">
      <xdr:nvSpPr>
        <xdr:cNvPr id="335" name="n_1mainValue【市民会館】&#10;有形固定資産減価償却率">
          <a:extLst>
            <a:ext uri="{FF2B5EF4-FFF2-40B4-BE49-F238E27FC236}">
              <a16:creationId xmlns:a16="http://schemas.microsoft.com/office/drawing/2014/main" id="{1B084881-CD9A-427F-9FB3-F461D7F1DB48}"/>
            </a:ext>
          </a:extLst>
        </xdr:cNvPr>
        <xdr:cNvSpPr txBox="1"/>
      </xdr:nvSpPr>
      <xdr:spPr>
        <a:xfrm>
          <a:off x="3170564" y="17874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64788</xdr:rowOff>
    </xdr:from>
    <xdr:ext cx="405111" cy="259045"/>
    <xdr:sp macro="" textlink="">
      <xdr:nvSpPr>
        <xdr:cNvPr id="336" name="n_2mainValue【市民会館】&#10;有形固定資産減価償却率">
          <a:extLst>
            <a:ext uri="{FF2B5EF4-FFF2-40B4-BE49-F238E27FC236}">
              <a16:creationId xmlns:a16="http://schemas.microsoft.com/office/drawing/2014/main" id="{B1277E39-91F7-4F15-9C49-C075892876AA}"/>
            </a:ext>
          </a:extLst>
        </xdr:cNvPr>
        <xdr:cNvSpPr txBox="1"/>
      </xdr:nvSpPr>
      <xdr:spPr>
        <a:xfrm>
          <a:off x="2385704" y="17834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22877</xdr:rowOff>
    </xdr:from>
    <xdr:ext cx="405111" cy="259045"/>
    <xdr:sp macro="" textlink="">
      <xdr:nvSpPr>
        <xdr:cNvPr id="337" name="n_3mainValue【市民会館】&#10;有形固定資産減価償却率">
          <a:extLst>
            <a:ext uri="{FF2B5EF4-FFF2-40B4-BE49-F238E27FC236}">
              <a16:creationId xmlns:a16="http://schemas.microsoft.com/office/drawing/2014/main" id="{62BAC32C-CF2C-4BD9-BA55-C6978E567679}"/>
            </a:ext>
          </a:extLst>
        </xdr:cNvPr>
        <xdr:cNvSpPr txBox="1"/>
      </xdr:nvSpPr>
      <xdr:spPr>
        <a:xfrm>
          <a:off x="1611004" y="1779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52416</xdr:rowOff>
    </xdr:from>
    <xdr:ext cx="405111" cy="259045"/>
    <xdr:sp macro="" textlink="">
      <xdr:nvSpPr>
        <xdr:cNvPr id="338" name="n_4mainValue【市民会館】&#10;有形固定資産減価償却率">
          <a:extLst>
            <a:ext uri="{FF2B5EF4-FFF2-40B4-BE49-F238E27FC236}">
              <a16:creationId xmlns:a16="http://schemas.microsoft.com/office/drawing/2014/main" id="{EF2B6407-6631-43BA-A605-72E6411B9CFE}"/>
            </a:ext>
          </a:extLst>
        </xdr:cNvPr>
        <xdr:cNvSpPr txBox="1"/>
      </xdr:nvSpPr>
      <xdr:spPr>
        <a:xfrm>
          <a:off x="836304" y="1775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9" name="正方形/長方形 338">
          <a:extLst>
            <a:ext uri="{FF2B5EF4-FFF2-40B4-BE49-F238E27FC236}">
              <a16:creationId xmlns:a16="http://schemas.microsoft.com/office/drawing/2014/main" id="{22F27D14-2A5C-49D1-8CD1-A5F912168E23}"/>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0" name="正方形/長方形 339">
          <a:extLst>
            <a:ext uri="{FF2B5EF4-FFF2-40B4-BE49-F238E27FC236}">
              <a16:creationId xmlns:a16="http://schemas.microsoft.com/office/drawing/2014/main" id="{D43DA4B3-9CDD-4538-9BF0-CD2A3F7CBF65}"/>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1" name="正方形/長方形 340">
          <a:extLst>
            <a:ext uri="{FF2B5EF4-FFF2-40B4-BE49-F238E27FC236}">
              <a16:creationId xmlns:a16="http://schemas.microsoft.com/office/drawing/2014/main" id="{4DA47DE8-776E-4CD4-ACF1-3959C7640E2A}"/>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2" name="正方形/長方形 341">
          <a:extLst>
            <a:ext uri="{FF2B5EF4-FFF2-40B4-BE49-F238E27FC236}">
              <a16:creationId xmlns:a16="http://schemas.microsoft.com/office/drawing/2014/main" id="{3A035E8C-5AD4-4B33-83B2-0A1AF10EF384}"/>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3" name="正方形/長方形 342">
          <a:extLst>
            <a:ext uri="{FF2B5EF4-FFF2-40B4-BE49-F238E27FC236}">
              <a16:creationId xmlns:a16="http://schemas.microsoft.com/office/drawing/2014/main" id="{70B2727F-593E-4F12-B6DA-81479B0B7B8D}"/>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4" name="正方形/長方形 343">
          <a:extLst>
            <a:ext uri="{FF2B5EF4-FFF2-40B4-BE49-F238E27FC236}">
              <a16:creationId xmlns:a16="http://schemas.microsoft.com/office/drawing/2014/main" id="{FDC1FD6E-7DBF-4E44-AC02-E2BAA6697AD1}"/>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5" name="正方形/長方形 344">
          <a:extLst>
            <a:ext uri="{FF2B5EF4-FFF2-40B4-BE49-F238E27FC236}">
              <a16:creationId xmlns:a16="http://schemas.microsoft.com/office/drawing/2014/main" id="{6A699E6F-F0E9-490F-91E4-29AB0D7123AB}"/>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6" name="正方形/長方形 345">
          <a:extLst>
            <a:ext uri="{FF2B5EF4-FFF2-40B4-BE49-F238E27FC236}">
              <a16:creationId xmlns:a16="http://schemas.microsoft.com/office/drawing/2014/main" id="{DB6D7555-BAA9-4D94-A90A-5D12DC074CA8}"/>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7" name="テキスト ボックス 346">
          <a:extLst>
            <a:ext uri="{FF2B5EF4-FFF2-40B4-BE49-F238E27FC236}">
              <a16:creationId xmlns:a16="http://schemas.microsoft.com/office/drawing/2014/main" id="{AA435F90-4133-4E7F-A75C-B9D42D947407}"/>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8" name="直線コネクタ 347">
          <a:extLst>
            <a:ext uri="{FF2B5EF4-FFF2-40B4-BE49-F238E27FC236}">
              <a16:creationId xmlns:a16="http://schemas.microsoft.com/office/drawing/2014/main" id="{5557667C-7355-4245-B22E-60D735D3AEA7}"/>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349" name="直線コネクタ 348">
          <a:extLst>
            <a:ext uri="{FF2B5EF4-FFF2-40B4-BE49-F238E27FC236}">
              <a16:creationId xmlns:a16="http://schemas.microsoft.com/office/drawing/2014/main" id="{D406F484-53DB-4F91-9E4A-C98EECCA1F7E}"/>
            </a:ext>
          </a:extLst>
        </xdr:cNvPr>
        <xdr:cNvCxnSpPr/>
      </xdr:nvCxnSpPr>
      <xdr:spPr>
        <a:xfrm>
          <a:off x="5826760" y="18308139"/>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350" name="テキスト ボックス 349">
          <a:extLst>
            <a:ext uri="{FF2B5EF4-FFF2-40B4-BE49-F238E27FC236}">
              <a16:creationId xmlns:a16="http://schemas.microsoft.com/office/drawing/2014/main" id="{0B216BAD-A613-43A1-926C-60B796339398}"/>
            </a:ext>
          </a:extLst>
        </xdr:cNvPr>
        <xdr:cNvSpPr txBox="1"/>
      </xdr:nvSpPr>
      <xdr:spPr>
        <a:xfrm>
          <a:off x="54053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351" name="直線コネクタ 350">
          <a:extLst>
            <a:ext uri="{FF2B5EF4-FFF2-40B4-BE49-F238E27FC236}">
              <a16:creationId xmlns:a16="http://schemas.microsoft.com/office/drawing/2014/main" id="{BD6244C2-26D5-4049-8154-8D809CCCD5CE}"/>
            </a:ext>
          </a:extLst>
        </xdr:cNvPr>
        <xdr:cNvCxnSpPr/>
      </xdr:nvCxnSpPr>
      <xdr:spPr>
        <a:xfrm>
          <a:off x="5826760" y="1798918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352" name="テキスト ボックス 351">
          <a:extLst>
            <a:ext uri="{FF2B5EF4-FFF2-40B4-BE49-F238E27FC236}">
              <a16:creationId xmlns:a16="http://schemas.microsoft.com/office/drawing/2014/main" id="{1EBBE089-8646-4C30-A56D-69BC76481A26}"/>
            </a:ext>
          </a:extLst>
        </xdr:cNvPr>
        <xdr:cNvSpPr txBox="1"/>
      </xdr:nvSpPr>
      <xdr:spPr>
        <a:xfrm>
          <a:off x="540530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353" name="直線コネクタ 352">
          <a:extLst>
            <a:ext uri="{FF2B5EF4-FFF2-40B4-BE49-F238E27FC236}">
              <a16:creationId xmlns:a16="http://schemas.microsoft.com/office/drawing/2014/main" id="{EDF00A77-55B4-4E7E-9DD3-8B2F2920F0A0}"/>
            </a:ext>
          </a:extLst>
        </xdr:cNvPr>
        <xdr:cNvCxnSpPr/>
      </xdr:nvCxnSpPr>
      <xdr:spPr>
        <a:xfrm>
          <a:off x="5826760" y="17670236"/>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354" name="テキスト ボックス 353">
          <a:extLst>
            <a:ext uri="{FF2B5EF4-FFF2-40B4-BE49-F238E27FC236}">
              <a16:creationId xmlns:a16="http://schemas.microsoft.com/office/drawing/2014/main" id="{A4D01182-4B5A-4AC7-9A1C-2BCE555812F0}"/>
            </a:ext>
          </a:extLst>
        </xdr:cNvPr>
        <xdr:cNvSpPr txBox="1"/>
      </xdr:nvSpPr>
      <xdr:spPr>
        <a:xfrm>
          <a:off x="540530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355" name="直線コネクタ 354">
          <a:extLst>
            <a:ext uri="{FF2B5EF4-FFF2-40B4-BE49-F238E27FC236}">
              <a16:creationId xmlns:a16="http://schemas.microsoft.com/office/drawing/2014/main" id="{90DE8AEE-FC62-44CD-B0D1-5E10378B74DC}"/>
            </a:ext>
          </a:extLst>
        </xdr:cNvPr>
        <xdr:cNvCxnSpPr/>
      </xdr:nvCxnSpPr>
      <xdr:spPr>
        <a:xfrm>
          <a:off x="5826760" y="17351284"/>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356" name="テキスト ボックス 355">
          <a:extLst>
            <a:ext uri="{FF2B5EF4-FFF2-40B4-BE49-F238E27FC236}">
              <a16:creationId xmlns:a16="http://schemas.microsoft.com/office/drawing/2014/main" id="{4A427A50-94F0-43FD-9AD7-4137B1856680}"/>
            </a:ext>
          </a:extLst>
        </xdr:cNvPr>
        <xdr:cNvSpPr txBox="1"/>
      </xdr:nvSpPr>
      <xdr:spPr>
        <a:xfrm>
          <a:off x="540530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357" name="直線コネクタ 356">
          <a:extLst>
            <a:ext uri="{FF2B5EF4-FFF2-40B4-BE49-F238E27FC236}">
              <a16:creationId xmlns:a16="http://schemas.microsoft.com/office/drawing/2014/main" id="{93335DF9-37A5-47B6-A405-AF803EC22689}"/>
            </a:ext>
          </a:extLst>
        </xdr:cNvPr>
        <xdr:cNvCxnSpPr/>
      </xdr:nvCxnSpPr>
      <xdr:spPr>
        <a:xfrm>
          <a:off x="5826760" y="1703233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358" name="テキスト ボックス 357">
          <a:extLst>
            <a:ext uri="{FF2B5EF4-FFF2-40B4-BE49-F238E27FC236}">
              <a16:creationId xmlns:a16="http://schemas.microsoft.com/office/drawing/2014/main" id="{696DB8A2-9A5E-44F3-91E3-34DAEB457286}"/>
            </a:ext>
          </a:extLst>
        </xdr:cNvPr>
        <xdr:cNvSpPr txBox="1"/>
      </xdr:nvSpPr>
      <xdr:spPr>
        <a:xfrm>
          <a:off x="540530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359" name="直線コネクタ 358">
          <a:extLst>
            <a:ext uri="{FF2B5EF4-FFF2-40B4-BE49-F238E27FC236}">
              <a16:creationId xmlns:a16="http://schemas.microsoft.com/office/drawing/2014/main" id="{07167087-5285-451E-90E2-72AF49BCE703}"/>
            </a:ext>
          </a:extLst>
        </xdr:cNvPr>
        <xdr:cNvCxnSpPr/>
      </xdr:nvCxnSpPr>
      <xdr:spPr>
        <a:xfrm>
          <a:off x="5826760" y="16713381"/>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360" name="テキスト ボックス 359">
          <a:extLst>
            <a:ext uri="{FF2B5EF4-FFF2-40B4-BE49-F238E27FC236}">
              <a16:creationId xmlns:a16="http://schemas.microsoft.com/office/drawing/2014/main" id="{9B39FBCB-F4FB-4FB0-8CE0-4341BC770CA4}"/>
            </a:ext>
          </a:extLst>
        </xdr:cNvPr>
        <xdr:cNvSpPr txBox="1"/>
      </xdr:nvSpPr>
      <xdr:spPr>
        <a:xfrm>
          <a:off x="540530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61" name="直線コネクタ 360">
          <a:extLst>
            <a:ext uri="{FF2B5EF4-FFF2-40B4-BE49-F238E27FC236}">
              <a16:creationId xmlns:a16="http://schemas.microsoft.com/office/drawing/2014/main" id="{C5903D81-4B86-4F05-BA09-793649E1B34D}"/>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62" name="テキスト ボックス 361">
          <a:extLst>
            <a:ext uri="{FF2B5EF4-FFF2-40B4-BE49-F238E27FC236}">
              <a16:creationId xmlns:a16="http://schemas.microsoft.com/office/drawing/2014/main" id="{0BCE5AAD-2E35-4D46-A420-333C4F8ADB2E}"/>
            </a:ext>
          </a:extLst>
        </xdr:cNvPr>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3" name="【市民会館】&#10;一人当たり面積グラフ枠">
          <a:extLst>
            <a:ext uri="{FF2B5EF4-FFF2-40B4-BE49-F238E27FC236}">
              <a16:creationId xmlns:a16="http://schemas.microsoft.com/office/drawing/2014/main" id="{F7D602B6-1FE1-4FBC-BF12-B5434D67D411}"/>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51312</xdr:rowOff>
    </xdr:from>
    <xdr:to>
      <xdr:col>54</xdr:col>
      <xdr:colOff>189865</xdr:colOff>
      <xdr:row>109</xdr:row>
      <xdr:rowOff>1088</xdr:rowOff>
    </xdr:to>
    <xdr:cxnSp macro="">
      <xdr:nvCxnSpPr>
        <xdr:cNvPr id="364" name="直線コネクタ 363">
          <a:extLst>
            <a:ext uri="{FF2B5EF4-FFF2-40B4-BE49-F238E27FC236}">
              <a16:creationId xmlns:a16="http://schemas.microsoft.com/office/drawing/2014/main" id="{4E2FC0D7-ADEA-4F54-83FC-445D4BD0A215}"/>
            </a:ext>
          </a:extLst>
        </xdr:cNvPr>
        <xdr:cNvCxnSpPr/>
      </xdr:nvCxnSpPr>
      <xdr:spPr>
        <a:xfrm flipV="1">
          <a:off x="9219565" y="16915312"/>
          <a:ext cx="0" cy="13585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9</xdr:row>
      <xdr:rowOff>4915</xdr:rowOff>
    </xdr:from>
    <xdr:ext cx="469744" cy="259045"/>
    <xdr:sp macro="" textlink="">
      <xdr:nvSpPr>
        <xdr:cNvPr id="365" name="【市民会館】&#10;一人当たり面積最小値テキスト">
          <a:extLst>
            <a:ext uri="{FF2B5EF4-FFF2-40B4-BE49-F238E27FC236}">
              <a16:creationId xmlns:a16="http://schemas.microsoft.com/office/drawing/2014/main" id="{8D3A1D20-A663-46DC-9EB7-198131FFA8BF}"/>
            </a:ext>
          </a:extLst>
        </xdr:cNvPr>
        <xdr:cNvSpPr txBox="1"/>
      </xdr:nvSpPr>
      <xdr:spPr>
        <a:xfrm>
          <a:off x="9258300" y="18277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9</xdr:row>
      <xdr:rowOff>1088</xdr:rowOff>
    </xdr:from>
    <xdr:to>
      <xdr:col>55</xdr:col>
      <xdr:colOff>88900</xdr:colOff>
      <xdr:row>109</xdr:row>
      <xdr:rowOff>1088</xdr:rowOff>
    </xdr:to>
    <xdr:cxnSp macro="">
      <xdr:nvCxnSpPr>
        <xdr:cNvPr id="366" name="直線コネクタ 365">
          <a:extLst>
            <a:ext uri="{FF2B5EF4-FFF2-40B4-BE49-F238E27FC236}">
              <a16:creationId xmlns:a16="http://schemas.microsoft.com/office/drawing/2014/main" id="{440634FB-46FC-45F6-8747-98E710B95FD0}"/>
            </a:ext>
          </a:extLst>
        </xdr:cNvPr>
        <xdr:cNvCxnSpPr/>
      </xdr:nvCxnSpPr>
      <xdr:spPr>
        <a:xfrm>
          <a:off x="9154160" y="182738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97989</xdr:rowOff>
    </xdr:from>
    <xdr:ext cx="469744" cy="259045"/>
    <xdr:sp macro="" textlink="">
      <xdr:nvSpPr>
        <xdr:cNvPr id="367" name="【市民会館】&#10;一人当たり面積最大値テキスト">
          <a:extLst>
            <a:ext uri="{FF2B5EF4-FFF2-40B4-BE49-F238E27FC236}">
              <a16:creationId xmlns:a16="http://schemas.microsoft.com/office/drawing/2014/main" id="{02CDF2D4-6C3D-4A24-A0A2-45861C120084}"/>
            </a:ext>
          </a:extLst>
        </xdr:cNvPr>
        <xdr:cNvSpPr txBox="1"/>
      </xdr:nvSpPr>
      <xdr:spPr>
        <a:xfrm>
          <a:off x="9258300" y="16694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51312</xdr:rowOff>
    </xdr:from>
    <xdr:to>
      <xdr:col>55</xdr:col>
      <xdr:colOff>88900</xdr:colOff>
      <xdr:row>100</xdr:row>
      <xdr:rowOff>151312</xdr:rowOff>
    </xdr:to>
    <xdr:cxnSp macro="">
      <xdr:nvCxnSpPr>
        <xdr:cNvPr id="368" name="直線コネクタ 367">
          <a:extLst>
            <a:ext uri="{FF2B5EF4-FFF2-40B4-BE49-F238E27FC236}">
              <a16:creationId xmlns:a16="http://schemas.microsoft.com/office/drawing/2014/main" id="{4DEEE0C5-DC6B-4F4F-B8B0-ABBA8A257E9C}"/>
            </a:ext>
          </a:extLst>
        </xdr:cNvPr>
        <xdr:cNvCxnSpPr/>
      </xdr:nvCxnSpPr>
      <xdr:spPr>
        <a:xfrm>
          <a:off x="9154160" y="1691531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65876</xdr:rowOff>
    </xdr:from>
    <xdr:ext cx="469744" cy="259045"/>
    <xdr:sp macro="" textlink="">
      <xdr:nvSpPr>
        <xdr:cNvPr id="369" name="【市民会館】&#10;一人当たり面積平均値テキスト">
          <a:extLst>
            <a:ext uri="{FF2B5EF4-FFF2-40B4-BE49-F238E27FC236}">
              <a16:creationId xmlns:a16="http://schemas.microsoft.com/office/drawing/2014/main" id="{F8A2041B-1B15-4317-817B-1E78C698C996}"/>
            </a:ext>
          </a:extLst>
        </xdr:cNvPr>
        <xdr:cNvSpPr txBox="1"/>
      </xdr:nvSpPr>
      <xdr:spPr>
        <a:xfrm>
          <a:off x="9258300" y="178357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87449</xdr:rowOff>
    </xdr:from>
    <xdr:to>
      <xdr:col>55</xdr:col>
      <xdr:colOff>50800</xdr:colOff>
      <xdr:row>107</xdr:row>
      <xdr:rowOff>17599</xdr:rowOff>
    </xdr:to>
    <xdr:sp macro="" textlink="">
      <xdr:nvSpPr>
        <xdr:cNvPr id="370" name="フローチャート: 判断 369">
          <a:extLst>
            <a:ext uri="{FF2B5EF4-FFF2-40B4-BE49-F238E27FC236}">
              <a16:creationId xmlns:a16="http://schemas.microsoft.com/office/drawing/2014/main" id="{8B0E6889-A6EF-420A-A7CB-72621733616C}"/>
            </a:ext>
          </a:extLst>
        </xdr:cNvPr>
        <xdr:cNvSpPr/>
      </xdr:nvSpPr>
      <xdr:spPr>
        <a:xfrm>
          <a:off x="9192260" y="1785728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85816</xdr:rowOff>
    </xdr:from>
    <xdr:to>
      <xdr:col>50</xdr:col>
      <xdr:colOff>165100</xdr:colOff>
      <xdr:row>107</xdr:row>
      <xdr:rowOff>15966</xdr:rowOff>
    </xdr:to>
    <xdr:sp macro="" textlink="">
      <xdr:nvSpPr>
        <xdr:cNvPr id="371" name="フローチャート: 判断 370">
          <a:extLst>
            <a:ext uri="{FF2B5EF4-FFF2-40B4-BE49-F238E27FC236}">
              <a16:creationId xmlns:a16="http://schemas.microsoft.com/office/drawing/2014/main" id="{A9F3060E-BFE8-40A0-9C4B-A6D000B05483}"/>
            </a:ext>
          </a:extLst>
        </xdr:cNvPr>
        <xdr:cNvSpPr/>
      </xdr:nvSpPr>
      <xdr:spPr>
        <a:xfrm>
          <a:off x="8445500" y="178556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89081</xdr:rowOff>
    </xdr:from>
    <xdr:to>
      <xdr:col>46</xdr:col>
      <xdr:colOff>38100</xdr:colOff>
      <xdr:row>107</xdr:row>
      <xdr:rowOff>19231</xdr:rowOff>
    </xdr:to>
    <xdr:sp macro="" textlink="">
      <xdr:nvSpPr>
        <xdr:cNvPr id="372" name="フローチャート: 判断 371">
          <a:extLst>
            <a:ext uri="{FF2B5EF4-FFF2-40B4-BE49-F238E27FC236}">
              <a16:creationId xmlns:a16="http://schemas.microsoft.com/office/drawing/2014/main" id="{18AB2445-D36C-45F2-BBFB-B90416429390}"/>
            </a:ext>
          </a:extLst>
        </xdr:cNvPr>
        <xdr:cNvSpPr/>
      </xdr:nvSpPr>
      <xdr:spPr>
        <a:xfrm>
          <a:off x="7670800" y="1785892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77651</xdr:rowOff>
    </xdr:from>
    <xdr:to>
      <xdr:col>41</xdr:col>
      <xdr:colOff>101600</xdr:colOff>
      <xdr:row>107</xdr:row>
      <xdr:rowOff>7801</xdr:rowOff>
    </xdr:to>
    <xdr:sp macro="" textlink="">
      <xdr:nvSpPr>
        <xdr:cNvPr id="373" name="フローチャート: 判断 372">
          <a:extLst>
            <a:ext uri="{FF2B5EF4-FFF2-40B4-BE49-F238E27FC236}">
              <a16:creationId xmlns:a16="http://schemas.microsoft.com/office/drawing/2014/main" id="{6B74E4FF-DFC9-43CC-BC70-AF646A6340C3}"/>
            </a:ext>
          </a:extLst>
        </xdr:cNvPr>
        <xdr:cNvSpPr/>
      </xdr:nvSpPr>
      <xdr:spPr>
        <a:xfrm>
          <a:off x="6873240" y="178474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00512</xdr:rowOff>
    </xdr:from>
    <xdr:to>
      <xdr:col>36</xdr:col>
      <xdr:colOff>165100</xdr:colOff>
      <xdr:row>107</xdr:row>
      <xdr:rowOff>30662</xdr:rowOff>
    </xdr:to>
    <xdr:sp macro="" textlink="">
      <xdr:nvSpPr>
        <xdr:cNvPr id="374" name="フローチャート: 判断 373">
          <a:extLst>
            <a:ext uri="{FF2B5EF4-FFF2-40B4-BE49-F238E27FC236}">
              <a16:creationId xmlns:a16="http://schemas.microsoft.com/office/drawing/2014/main" id="{E8D5DD80-4658-48CE-A3F2-CC157342C88B}"/>
            </a:ext>
          </a:extLst>
        </xdr:cNvPr>
        <xdr:cNvSpPr/>
      </xdr:nvSpPr>
      <xdr:spPr>
        <a:xfrm>
          <a:off x="6098540" y="1787035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5" name="テキスト ボックス 374">
          <a:extLst>
            <a:ext uri="{FF2B5EF4-FFF2-40B4-BE49-F238E27FC236}">
              <a16:creationId xmlns:a16="http://schemas.microsoft.com/office/drawing/2014/main" id="{03A51263-99D2-42AD-AC33-128DA6C7CA87}"/>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6" name="テキスト ボックス 375">
          <a:extLst>
            <a:ext uri="{FF2B5EF4-FFF2-40B4-BE49-F238E27FC236}">
              <a16:creationId xmlns:a16="http://schemas.microsoft.com/office/drawing/2014/main" id="{1E8374BC-4066-44E1-ACB0-43D79D4CBF2C}"/>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7" name="テキスト ボックス 376">
          <a:extLst>
            <a:ext uri="{FF2B5EF4-FFF2-40B4-BE49-F238E27FC236}">
              <a16:creationId xmlns:a16="http://schemas.microsoft.com/office/drawing/2014/main" id="{1EFF1A44-FE28-4382-847E-A8BC0A083426}"/>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id="{BEFB4E66-2145-41F9-9F4C-5945760E29ED}"/>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9" name="テキスト ボックス 378">
          <a:extLst>
            <a:ext uri="{FF2B5EF4-FFF2-40B4-BE49-F238E27FC236}">
              <a16:creationId xmlns:a16="http://schemas.microsoft.com/office/drawing/2014/main" id="{990970F7-7BC2-403E-B070-4837612CFC50}"/>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0095</xdr:rowOff>
    </xdr:from>
    <xdr:to>
      <xdr:col>55</xdr:col>
      <xdr:colOff>50800</xdr:colOff>
      <xdr:row>105</xdr:row>
      <xdr:rowOff>141695</xdr:rowOff>
    </xdr:to>
    <xdr:sp macro="" textlink="">
      <xdr:nvSpPr>
        <xdr:cNvPr id="380" name="楕円 379">
          <a:extLst>
            <a:ext uri="{FF2B5EF4-FFF2-40B4-BE49-F238E27FC236}">
              <a16:creationId xmlns:a16="http://schemas.microsoft.com/office/drawing/2014/main" id="{C1D9FDBD-44A8-4C50-A5EF-BFCB27B71508}"/>
            </a:ext>
          </a:extLst>
        </xdr:cNvPr>
        <xdr:cNvSpPr/>
      </xdr:nvSpPr>
      <xdr:spPr>
        <a:xfrm>
          <a:off x="9192260" y="1764229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62972</xdr:rowOff>
    </xdr:from>
    <xdr:ext cx="469744" cy="259045"/>
    <xdr:sp macro="" textlink="">
      <xdr:nvSpPr>
        <xdr:cNvPr id="381" name="【市民会館】&#10;一人当たり面積該当値テキスト">
          <a:extLst>
            <a:ext uri="{FF2B5EF4-FFF2-40B4-BE49-F238E27FC236}">
              <a16:creationId xmlns:a16="http://schemas.microsoft.com/office/drawing/2014/main" id="{C72874F7-B24F-4BBD-91E7-1E1BA9409451}"/>
            </a:ext>
          </a:extLst>
        </xdr:cNvPr>
        <xdr:cNvSpPr txBox="1"/>
      </xdr:nvSpPr>
      <xdr:spPr>
        <a:xfrm>
          <a:off x="9258300" y="1749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48261</xdr:rowOff>
    </xdr:from>
    <xdr:to>
      <xdr:col>50</xdr:col>
      <xdr:colOff>165100</xdr:colOff>
      <xdr:row>105</xdr:row>
      <xdr:rowOff>149861</xdr:rowOff>
    </xdr:to>
    <xdr:sp macro="" textlink="">
      <xdr:nvSpPr>
        <xdr:cNvPr id="382" name="楕円 381">
          <a:extLst>
            <a:ext uri="{FF2B5EF4-FFF2-40B4-BE49-F238E27FC236}">
              <a16:creationId xmlns:a16="http://schemas.microsoft.com/office/drawing/2014/main" id="{58190D0D-6B1A-456B-8CEB-9C46FD3BF288}"/>
            </a:ext>
          </a:extLst>
        </xdr:cNvPr>
        <xdr:cNvSpPr/>
      </xdr:nvSpPr>
      <xdr:spPr>
        <a:xfrm>
          <a:off x="8445500" y="1765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90895</xdr:rowOff>
    </xdr:from>
    <xdr:to>
      <xdr:col>55</xdr:col>
      <xdr:colOff>0</xdr:colOff>
      <xdr:row>105</xdr:row>
      <xdr:rowOff>99061</xdr:rowOff>
    </xdr:to>
    <xdr:cxnSp macro="">
      <xdr:nvCxnSpPr>
        <xdr:cNvPr id="383" name="直線コネクタ 382">
          <a:extLst>
            <a:ext uri="{FF2B5EF4-FFF2-40B4-BE49-F238E27FC236}">
              <a16:creationId xmlns:a16="http://schemas.microsoft.com/office/drawing/2014/main" id="{CC6A6B37-8932-494F-9EFF-F20175C4ECFD}"/>
            </a:ext>
          </a:extLst>
        </xdr:cNvPr>
        <xdr:cNvCxnSpPr/>
      </xdr:nvCxnSpPr>
      <xdr:spPr>
        <a:xfrm flipV="1">
          <a:off x="8496300" y="17693095"/>
          <a:ext cx="723900" cy="8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58057</xdr:rowOff>
    </xdr:from>
    <xdr:to>
      <xdr:col>46</xdr:col>
      <xdr:colOff>38100</xdr:colOff>
      <xdr:row>105</xdr:row>
      <xdr:rowOff>159657</xdr:rowOff>
    </xdr:to>
    <xdr:sp macro="" textlink="">
      <xdr:nvSpPr>
        <xdr:cNvPr id="384" name="楕円 383">
          <a:extLst>
            <a:ext uri="{FF2B5EF4-FFF2-40B4-BE49-F238E27FC236}">
              <a16:creationId xmlns:a16="http://schemas.microsoft.com/office/drawing/2014/main" id="{CFBFC64C-3728-40CE-9FAD-E7CDAA85C3CA}"/>
            </a:ext>
          </a:extLst>
        </xdr:cNvPr>
        <xdr:cNvSpPr/>
      </xdr:nvSpPr>
      <xdr:spPr>
        <a:xfrm>
          <a:off x="7670800" y="1766025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99061</xdr:rowOff>
    </xdr:from>
    <xdr:to>
      <xdr:col>50</xdr:col>
      <xdr:colOff>114300</xdr:colOff>
      <xdr:row>105</xdr:row>
      <xdr:rowOff>108857</xdr:rowOff>
    </xdr:to>
    <xdr:cxnSp macro="">
      <xdr:nvCxnSpPr>
        <xdr:cNvPr id="385" name="直線コネクタ 384">
          <a:extLst>
            <a:ext uri="{FF2B5EF4-FFF2-40B4-BE49-F238E27FC236}">
              <a16:creationId xmlns:a16="http://schemas.microsoft.com/office/drawing/2014/main" id="{304867AF-498F-47FF-A476-7E1A9BF92709}"/>
            </a:ext>
          </a:extLst>
        </xdr:cNvPr>
        <xdr:cNvCxnSpPr/>
      </xdr:nvCxnSpPr>
      <xdr:spPr>
        <a:xfrm flipV="1">
          <a:off x="7713980" y="17701261"/>
          <a:ext cx="78232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69487</xdr:rowOff>
    </xdr:from>
    <xdr:to>
      <xdr:col>41</xdr:col>
      <xdr:colOff>101600</xdr:colOff>
      <xdr:row>105</xdr:row>
      <xdr:rowOff>171087</xdr:rowOff>
    </xdr:to>
    <xdr:sp macro="" textlink="">
      <xdr:nvSpPr>
        <xdr:cNvPr id="386" name="楕円 385">
          <a:extLst>
            <a:ext uri="{FF2B5EF4-FFF2-40B4-BE49-F238E27FC236}">
              <a16:creationId xmlns:a16="http://schemas.microsoft.com/office/drawing/2014/main" id="{E0BB8128-58D5-40D7-89EA-2E3BCA228A7D}"/>
            </a:ext>
          </a:extLst>
        </xdr:cNvPr>
        <xdr:cNvSpPr/>
      </xdr:nvSpPr>
      <xdr:spPr>
        <a:xfrm>
          <a:off x="6873240" y="1767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108857</xdr:rowOff>
    </xdr:from>
    <xdr:to>
      <xdr:col>45</xdr:col>
      <xdr:colOff>177800</xdr:colOff>
      <xdr:row>105</xdr:row>
      <xdr:rowOff>120287</xdr:rowOff>
    </xdr:to>
    <xdr:cxnSp macro="">
      <xdr:nvCxnSpPr>
        <xdr:cNvPr id="387" name="直線コネクタ 386">
          <a:extLst>
            <a:ext uri="{FF2B5EF4-FFF2-40B4-BE49-F238E27FC236}">
              <a16:creationId xmlns:a16="http://schemas.microsoft.com/office/drawing/2014/main" id="{3CD66F83-6C54-4068-A3B9-308DC0DFD6F6}"/>
            </a:ext>
          </a:extLst>
        </xdr:cNvPr>
        <xdr:cNvCxnSpPr/>
      </xdr:nvCxnSpPr>
      <xdr:spPr>
        <a:xfrm flipV="1">
          <a:off x="6924040" y="17711057"/>
          <a:ext cx="78994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74386</xdr:rowOff>
    </xdr:from>
    <xdr:to>
      <xdr:col>36</xdr:col>
      <xdr:colOff>165100</xdr:colOff>
      <xdr:row>106</xdr:row>
      <xdr:rowOff>4536</xdr:rowOff>
    </xdr:to>
    <xdr:sp macro="" textlink="">
      <xdr:nvSpPr>
        <xdr:cNvPr id="388" name="楕円 387">
          <a:extLst>
            <a:ext uri="{FF2B5EF4-FFF2-40B4-BE49-F238E27FC236}">
              <a16:creationId xmlns:a16="http://schemas.microsoft.com/office/drawing/2014/main" id="{C15AF20A-F236-483C-8619-3BDB998491AE}"/>
            </a:ext>
          </a:extLst>
        </xdr:cNvPr>
        <xdr:cNvSpPr/>
      </xdr:nvSpPr>
      <xdr:spPr>
        <a:xfrm>
          <a:off x="6098540" y="1767658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5</xdr:row>
      <xdr:rowOff>120287</xdr:rowOff>
    </xdr:from>
    <xdr:to>
      <xdr:col>41</xdr:col>
      <xdr:colOff>50800</xdr:colOff>
      <xdr:row>105</xdr:row>
      <xdr:rowOff>125186</xdr:rowOff>
    </xdr:to>
    <xdr:cxnSp macro="">
      <xdr:nvCxnSpPr>
        <xdr:cNvPr id="389" name="直線コネクタ 388">
          <a:extLst>
            <a:ext uri="{FF2B5EF4-FFF2-40B4-BE49-F238E27FC236}">
              <a16:creationId xmlns:a16="http://schemas.microsoft.com/office/drawing/2014/main" id="{3FD4AE05-0CBA-44CD-9907-97D1989F7D6D}"/>
            </a:ext>
          </a:extLst>
        </xdr:cNvPr>
        <xdr:cNvCxnSpPr/>
      </xdr:nvCxnSpPr>
      <xdr:spPr>
        <a:xfrm flipV="1">
          <a:off x="6149340" y="17722487"/>
          <a:ext cx="7747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7093</xdr:rowOff>
    </xdr:from>
    <xdr:ext cx="469744" cy="259045"/>
    <xdr:sp macro="" textlink="">
      <xdr:nvSpPr>
        <xdr:cNvPr id="390" name="n_1aveValue【市民会館】&#10;一人当たり面積">
          <a:extLst>
            <a:ext uri="{FF2B5EF4-FFF2-40B4-BE49-F238E27FC236}">
              <a16:creationId xmlns:a16="http://schemas.microsoft.com/office/drawing/2014/main" id="{B9D1C57E-4D3A-4C81-ABC2-E1A265956719}"/>
            </a:ext>
          </a:extLst>
        </xdr:cNvPr>
        <xdr:cNvSpPr txBox="1"/>
      </xdr:nvSpPr>
      <xdr:spPr>
        <a:xfrm>
          <a:off x="8271587" y="17944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0358</xdr:rowOff>
    </xdr:from>
    <xdr:ext cx="469744" cy="259045"/>
    <xdr:sp macro="" textlink="">
      <xdr:nvSpPr>
        <xdr:cNvPr id="391" name="n_2aveValue【市民会館】&#10;一人当たり面積">
          <a:extLst>
            <a:ext uri="{FF2B5EF4-FFF2-40B4-BE49-F238E27FC236}">
              <a16:creationId xmlns:a16="http://schemas.microsoft.com/office/drawing/2014/main" id="{63BC78F1-23EC-4565-8806-8D690B1D1219}"/>
            </a:ext>
          </a:extLst>
        </xdr:cNvPr>
        <xdr:cNvSpPr txBox="1"/>
      </xdr:nvSpPr>
      <xdr:spPr>
        <a:xfrm>
          <a:off x="7509587" y="17947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70378</xdr:rowOff>
    </xdr:from>
    <xdr:ext cx="469744" cy="259045"/>
    <xdr:sp macro="" textlink="">
      <xdr:nvSpPr>
        <xdr:cNvPr id="392" name="n_3aveValue【市民会館】&#10;一人当たり面積">
          <a:extLst>
            <a:ext uri="{FF2B5EF4-FFF2-40B4-BE49-F238E27FC236}">
              <a16:creationId xmlns:a16="http://schemas.microsoft.com/office/drawing/2014/main" id="{001EA18D-DE6C-47A5-9ACF-17EF204BD435}"/>
            </a:ext>
          </a:extLst>
        </xdr:cNvPr>
        <xdr:cNvSpPr txBox="1"/>
      </xdr:nvSpPr>
      <xdr:spPr>
        <a:xfrm>
          <a:off x="6712027" y="179402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21789</xdr:rowOff>
    </xdr:from>
    <xdr:ext cx="469744" cy="259045"/>
    <xdr:sp macro="" textlink="">
      <xdr:nvSpPr>
        <xdr:cNvPr id="393" name="n_4aveValue【市民会館】&#10;一人当たり面積">
          <a:extLst>
            <a:ext uri="{FF2B5EF4-FFF2-40B4-BE49-F238E27FC236}">
              <a16:creationId xmlns:a16="http://schemas.microsoft.com/office/drawing/2014/main" id="{8680A89B-BCF2-4139-B465-27849394DFA8}"/>
            </a:ext>
          </a:extLst>
        </xdr:cNvPr>
        <xdr:cNvSpPr txBox="1"/>
      </xdr:nvSpPr>
      <xdr:spPr>
        <a:xfrm>
          <a:off x="5937327" y="17959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166388</xdr:rowOff>
    </xdr:from>
    <xdr:ext cx="469744" cy="259045"/>
    <xdr:sp macro="" textlink="">
      <xdr:nvSpPr>
        <xdr:cNvPr id="394" name="n_1mainValue【市民会館】&#10;一人当たり面積">
          <a:extLst>
            <a:ext uri="{FF2B5EF4-FFF2-40B4-BE49-F238E27FC236}">
              <a16:creationId xmlns:a16="http://schemas.microsoft.com/office/drawing/2014/main" id="{9DC1C5BC-C0DC-4FA1-AEB4-64FCCAF2F878}"/>
            </a:ext>
          </a:extLst>
        </xdr:cNvPr>
        <xdr:cNvSpPr txBox="1"/>
      </xdr:nvSpPr>
      <xdr:spPr>
        <a:xfrm>
          <a:off x="8271587" y="174333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4734</xdr:rowOff>
    </xdr:from>
    <xdr:ext cx="469744" cy="259045"/>
    <xdr:sp macro="" textlink="">
      <xdr:nvSpPr>
        <xdr:cNvPr id="395" name="n_2mainValue【市民会館】&#10;一人当たり面積">
          <a:extLst>
            <a:ext uri="{FF2B5EF4-FFF2-40B4-BE49-F238E27FC236}">
              <a16:creationId xmlns:a16="http://schemas.microsoft.com/office/drawing/2014/main" id="{84053F6E-87B6-4D05-85F8-68410CEE3A51}"/>
            </a:ext>
          </a:extLst>
        </xdr:cNvPr>
        <xdr:cNvSpPr txBox="1"/>
      </xdr:nvSpPr>
      <xdr:spPr>
        <a:xfrm>
          <a:off x="7509587" y="17439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6164</xdr:rowOff>
    </xdr:from>
    <xdr:ext cx="469744" cy="259045"/>
    <xdr:sp macro="" textlink="">
      <xdr:nvSpPr>
        <xdr:cNvPr id="396" name="n_3mainValue【市民会館】&#10;一人当たり面積">
          <a:extLst>
            <a:ext uri="{FF2B5EF4-FFF2-40B4-BE49-F238E27FC236}">
              <a16:creationId xmlns:a16="http://schemas.microsoft.com/office/drawing/2014/main" id="{26A585A9-39A2-4C22-9018-6BF29BFFB39B}"/>
            </a:ext>
          </a:extLst>
        </xdr:cNvPr>
        <xdr:cNvSpPr txBox="1"/>
      </xdr:nvSpPr>
      <xdr:spPr>
        <a:xfrm>
          <a:off x="6712027" y="17450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21063</xdr:rowOff>
    </xdr:from>
    <xdr:ext cx="469744" cy="259045"/>
    <xdr:sp macro="" textlink="">
      <xdr:nvSpPr>
        <xdr:cNvPr id="397" name="n_4mainValue【市民会館】&#10;一人当たり面積">
          <a:extLst>
            <a:ext uri="{FF2B5EF4-FFF2-40B4-BE49-F238E27FC236}">
              <a16:creationId xmlns:a16="http://schemas.microsoft.com/office/drawing/2014/main" id="{F264679C-BA2B-4EA9-A50B-C01657939C95}"/>
            </a:ext>
          </a:extLst>
        </xdr:cNvPr>
        <xdr:cNvSpPr txBox="1"/>
      </xdr:nvSpPr>
      <xdr:spPr>
        <a:xfrm>
          <a:off x="5937327" y="17455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8" name="正方形/長方形 397">
          <a:extLst>
            <a:ext uri="{FF2B5EF4-FFF2-40B4-BE49-F238E27FC236}">
              <a16:creationId xmlns:a16="http://schemas.microsoft.com/office/drawing/2014/main" id="{4874EF6A-D6F6-4E95-9EE7-33BFFAB8185E}"/>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9" name="正方形/長方形 398">
          <a:extLst>
            <a:ext uri="{FF2B5EF4-FFF2-40B4-BE49-F238E27FC236}">
              <a16:creationId xmlns:a16="http://schemas.microsoft.com/office/drawing/2014/main" id="{544340C6-5DC8-4D4C-BCCA-5EDF39191EB1}"/>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00" name="正方形/長方形 399">
          <a:extLst>
            <a:ext uri="{FF2B5EF4-FFF2-40B4-BE49-F238E27FC236}">
              <a16:creationId xmlns:a16="http://schemas.microsoft.com/office/drawing/2014/main" id="{E6E65494-60FA-4165-A5B9-9D3086D1FD15}"/>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1" name="正方形/長方形 400">
          <a:extLst>
            <a:ext uri="{FF2B5EF4-FFF2-40B4-BE49-F238E27FC236}">
              <a16:creationId xmlns:a16="http://schemas.microsoft.com/office/drawing/2014/main" id="{D51D64D6-1D8B-4111-BF45-99ECAD72CD0A}"/>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2" name="正方形/長方形 401">
          <a:extLst>
            <a:ext uri="{FF2B5EF4-FFF2-40B4-BE49-F238E27FC236}">
              <a16:creationId xmlns:a16="http://schemas.microsoft.com/office/drawing/2014/main" id="{2A6B7AB8-05A0-4D29-BC63-73437F6A999D}"/>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3" name="正方形/長方形 402">
          <a:extLst>
            <a:ext uri="{FF2B5EF4-FFF2-40B4-BE49-F238E27FC236}">
              <a16:creationId xmlns:a16="http://schemas.microsoft.com/office/drawing/2014/main" id="{37C3E60E-B494-4872-A254-F9C2DCEEA7F5}"/>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4" name="正方形/長方形 403">
          <a:extLst>
            <a:ext uri="{FF2B5EF4-FFF2-40B4-BE49-F238E27FC236}">
              <a16:creationId xmlns:a16="http://schemas.microsoft.com/office/drawing/2014/main" id="{A908F88D-6702-4B57-9F7D-715481DDFE24}"/>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5" name="正方形/長方形 404">
          <a:extLst>
            <a:ext uri="{FF2B5EF4-FFF2-40B4-BE49-F238E27FC236}">
              <a16:creationId xmlns:a16="http://schemas.microsoft.com/office/drawing/2014/main" id="{63218A74-E606-4318-90FC-6B70F667EE15}"/>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6" name="テキスト ボックス 405">
          <a:extLst>
            <a:ext uri="{FF2B5EF4-FFF2-40B4-BE49-F238E27FC236}">
              <a16:creationId xmlns:a16="http://schemas.microsoft.com/office/drawing/2014/main" id="{E7C0A3E3-5605-4313-BF73-36FC62E7A361}"/>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7" name="直線コネクタ 406">
          <a:extLst>
            <a:ext uri="{FF2B5EF4-FFF2-40B4-BE49-F238E27FC236}">
              <a16:creationId xmlns:a16="http://schemas.microsoft.com/office/drawing/2014/main" id="{BD5A0772-197A-46F7-8917-17AA61DE8377}"/>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8" name="テキスト ボックス 407">
          <a:extLst>
            <a:ext uri="{FF2B5EF4-FFF2-40B4-BE49-F238E27FC236}">
              <a16:creationId xmlns:a16="http://schemas.microsoft.com/office/drawing/2014/main" id="{24524F89-822D-4629-A8F8-FD3EEC5D670F}"/>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9" name="直線コネクタ 408">
          <a:extLst>
            <a:ext uri="{FF2B5EF4-FFF2-40B4-BE49-F238E27FC236}">
              <a16:creationId xmlns:a16="http://schemas.microsoft.com/office/drawing/2014/main" id="{F92C950B-984F-445C-B745-A01738F4A6B4}"/>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10" name="テキスト ボックス 409">
          <a:extLst>
            <a:ext uri="{FF2B5EF4-FFF2-40B4-BE49-F238E27FC236}">
              <a16:creationId xmlns:a16="http://schemas.microsoft.com/office/drawing/2014/main" id="{734F3EF7-2742-493C-9646-C9FD6AFB7C57}"/>
            </a:ext>
          </a:extLst>
        </xdr:cNvPr>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11" name="直線コネクタ 410">
          <a:extLst>
            <a:ext uri="{FF2B5EF4-FFF2-40B4-BE49-F238E27FC236}">
              <a16:creationId xmlns:a16="http://schemas.microsoft.com/office/drawing/2014/main" id="{37AC9D37-3B2C-4369-9C2E-8AB3D36CB9D7}"/>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12" name="テキスト ボックス 411">
          <a:extLst>
            <a:ext uri="{FF2B5EF4-FFF2-40B4-BE49-F238E27FC236}">
              <a16:creationId xmlns:a16="http://schemas.microsoft.com/office/drawing/2014/main" id="{1E9A467E-DC5F-4720-8404-5B78BA0CF702}"/>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3" name="直線コネクタ 412">
          <a:extLst>
            <a:ext uri="{FF2B5EF4-FFF2-40B4-BE49-F238E27FC236}">
              <a16:creationId xmlns:a16="http://schemas.microsoft.com/office/drawing/2014/main" id="{6F44D2B4-D06D-4820-9A42-1C7FAB8DFF7E}"/>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4" name="テキスト ボックス 413">
          <a:extLst>
            <a:ext uri="{FF2B5EF4-FFF2-40B4-BE49-F238E27FC236}">
              <a16:creationId xmlns:a16="http://schemas.microsoft.com/office/drawing/2014/main" id="{258FDAAC-C273-4661-99F6-5A057EBC6AB3}"/>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5" name="直線コネクタ 414">
          <a:extLst>
            <a:ext uri="{FF2B5EF4-FFF2-40B4-BE49-F238E27FC236}">
              <a16:creationId xmlns:a16="http://schemas.microsoft.com/office/drawing/2014/main" id="{8A1F9130-1239-41B7-9CAB-50CAEB6D3239}"/>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6" name="テキスト ボックス 415">
          <a:extLst>
            <a:ext uri="{FF2B5EF4-FFF2-40B4-BE49-F238E27FC236}">
              <a16:creationId xmlns:a16="http://schemas.microsoft.com/office/drawing/2014/main" id="{DB9B9E45-0037-4A47-86D9-8FACB5A331CB}"/>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7" name="直線コネクタ 416">
          <a:extLst>
            <a:ext uri="{FF2B5EF4-FFF2-40B4-BE49-F238E27FC236}">
              <a16:creationId xmlns:a16="http://schemas.microsoft.com/office/drawing/2014/main" id="{6D8A24B8-DDF6-48F3-9BBE-FD4BC9F78BD8}"/>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8" name="テキスト ボックス 417">
          <a:extLst>
            <a:ext uri="{FF2B5EF4-FFF2-40B4-BE49-F238E27FC236}">
              <a16:creationId xmlns:a16="http://schemas.microsoft.com/office/drawing/2014/main" id="{D49418DF-45B4-45DF-916F-DD0EF16882E5}"/>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9" name="直線コネクタ 418">
          <a:extLst>
            <a:ext uri="{FF2B5EF4-FFF2-40B4-BE49-F238E27FC236}">
              <a16:creationId xmlns:a16="http://schemas.microsoft.com/office/drawing/2014/main" id="{A08745D9-EC25-4628-AAD8-A7F4DEDD12E8}"/>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20" name="テキスト ボックス 419">
          <a:extLst>
            <a:ext uri="{FF2B5EF4-FFF2-40B4-BE49-F238E27FC236}">
              <a16:creationId xmlns:a16="http://schemas.microsoft.com/office/drawing/2014/main" id="{63FBBF84-0882-4833-A9AA-A29839D69984}"/>
            </a:ext>
          </a:extLst>
        </xdr:cNvPr>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21" name="直線コネクタ 420">
          <a:extLst>
            <a:ext uri="{FF2B5EF4-FFF2-40B4-BE49-F238E27FC236}">
              <a16:creationId xmlns:a16="http://schemas.microsoft.com/office/drawing/2014/main" id="{72565A00-100B-4F99-844F-E3A95908EC94}"/>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22" name="【一般廃棄物処理施設】&#10;有形固定資産減価償却率グラフ枠">
          <a:extLst>
            <a:ext uri="{FF2B5EF4-FFF2-40B4-BE49-F238E27FC236}">
              <a16:creationId xmlns:a16="http://schemas.microsoft.com/office/drawing/2014/main" id="{8B8AFC51-18F2-40C4-AF50-198FE97FC05A}"/>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3746</xdr:rowOff>
    </xdr:from>
    <xdr:to>
      <xdr:col>85</xdr:col>
      <xdr:colOff>126364</xdr:colOff>
      <xdr:row>42</xdr:row>
      <xdr:rowOff>92528</xdr:rowOff>
    </xdr:to>
    <xdr:cxnSp macro="">
      <xdr:nvCxnSpPr>
        <xdr:cNvPr id="423" name="直線コネクタ 422">
          <a:extLst>
            <a:ext uri="{FF2B5EF4-FFF2-40B4-BE49-F238E27FC236}">
              <a16:creationId xmlns:a16="http://schemas.microsoft.com/office/drawing/2014/main" id="{F288325B-2AB8-448A-921E-3877CE5D80BA}"/>
            </a:ext>
          </a:extLst>
        </xdr:cNvPr>
        <xdr:cNvCxnSpPr/>
      </xdr:nvCxnSpPr>
      <xdr:spPr>
        <a:xfrm flipV="1">
          <a:off x="14375764" y="5733506"/>
          <a:ext cx="0" cy="13999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4" name="【一般廃棄物処理施設】&#10;有形固定資産減価償却率最小値テキスト">
          <a:extLst>
            <a:ext uri="{FF2B5EF4-FFF2-40B4-BE49-F238E27FC236}">
              <a16:creationId xmlns:a16="http://schemas.microsoft.com/office/drawing/2014/main" id="{FEBBB8CA-05DF-4F87-96FA-FB3221D7E4BD}"/>
            </a:ext>
          </a:extLst>
        </xdr:cNvPr>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5" name="直線コネクタ 424">
          <a:extLst>
            <a:ext uri="{FF2B5EF4-FFF2-40B4-BE49-F238E27FC236}">
              <a16:creationId xmlns:a16="http://schemas.microsoft.com/office/drawing/2014/main" id="{3A762067-BC6F-490F-AC7D-2CDE153AE3CE}"/>
            </a:ext>
          </a:extLst>
        </xdr:cNvPr>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1873</xdr:rowOff>
    </xdr:from>
    <xdr:ext cx="405111" cy="259045"/>
    <xdr:sp macro="" textlink="">
      <xdr:nvSpPr>
        <xdr:cNvPr id="426" name="【一般廃棄物処理施設】&#10;有形固定資産減価償却率最大値テキスト">
          <a:extLst>
            <a:ext uri="{FF2B5EF4-FFF2-40B4-BE49-F238E27FC236}">
              <a16:creationId xmlns:a16="http://schemas.microsoft.com/office/drawing/2014/main" id="{E481E0BE-A370-43B8-84C9-D8B5D4A54E7A}"/>
            </a:ext>
          </a:extLst>
        </xdr:cNvPr>
        <xdr:cNvSpPr txBox="1"/>
      </xdr:nvSpPr>
      <xdr:spPr>
        <a:xfrm>
          <a:off x="14414500" y="5516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3746</xdr:rowOff>
    </xdr:from>
    <xdr:to>
      <xdr:col>86</xdr:col>
      <xdr:colOff>25400</xdr:colOff>
      <xdr:row>34</xdr:row>
      <xdr:rowOff>33746</xdr:rowOff>
    </xdr:to>
    <xdr:cxnSp macro="">
      <xdr:nvCxnSpPr>
        <xdr:cNvPr id="427" name="直線コネクタ 426">
          <a:extLst>
            <a:ext uri="{FF2B5EF4-FFF2-40B4-BE49-F238E27FC236}">
              <a16:creationId xmlns:a16="http://schemas.microsoft.com/office/drawing/2014/main" id="{1D091DA4-863D-4D3D-A0C9-17EFFF366BF4}"/>
            </a:ext>
          </a:extLst>
        </xdr:cNvPr>
        <xdr:cNvCxnSpPr/>
      </xdr:nvCxnSpPr>
      <xdr:spPr>
        <a:xfrm>
          <a:off x="14287500" y="57335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36451</xdr:rowOff>
    </xdr:from>
    <xdr:ext cx="405111" cy="259045"/>
    <xdr:sp macro="" textlink="">
      <xdr:nvSpPr>
        <xdr:cNvPr id="428" name="【一般廃棄物処理施設】&#10;有形固定資産減価償却率平均値テキスト">
          <a:extLst>
            <a:ext uri="{FF2B5EF4-FFF2-40B4-BE49-F238E27FC236}">
              <a16:creationId xmlns:a16="http://schemas.microsoft.com/office/drawing/2014/main" id="{3330EC82-4FEF-4DFF-9F74-6E228723210C}"/>
            </a:ext>
          </a:extLst>
        </xdr:cNvPr>
        <xdr:cNvSpPr txBox="1"/>
      </xdr:nvSpPr>
      <xdr:spPr>
        <a:xfrm>
          <a:off x="14414500" y="633913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3574</xdr:rowOff>
    </xdr:from>
    <xdr:to>
      <xdr:col>85</xdr:col>
      <xdr:colOff>177800</xdr:colOff>
      <xdr:row>39</xdr:row>
      <xdr:rowOff>43724</xdr:rowOff>
    </xdr:to>
    <xdr:sp macro="" textlink="">
      <xdr:nvSpPr>
        <xdr:cNvPr id="429" name="フローチャート: 判断 428">
          <a:extLst>
            <a:ext uri="{FF2B5EF4-FFF2-40B4-BE49-F238E27FC236}">
              <a16:creationId xmlns:a16="http://schemas.microsoft.com/office/drawing/2014/main" id="{D042384F-386C-4300-A410-C79B0A50148D}"/>
            </a:ext>
          </a:extLst>
        </xdr:cNvPr>
        <xdr:cNvSpPr/>
      </xdr:nvSpPr>
      <xdr:spPr>
        <a:xfrm>
          <a:off x="14325600" y="648389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52763</xdr:rowOff>
    </xdr:from>
    <xdr:to>
      <xdr:col>81</xdr:col>
      <xdr:colOff>101600</xdr:colOff>
      <xdr:row>39</xdr:row>
      <xdr:rowOff>82913</xdr:rowOff>
    </xdr:to>
    <xdr:sp macro="" textlink="">
      <xdr:nvSpPr>
        <xdr:cNvPr id="430" name="フローチャート: 判断 429">
          <a:extLst>
            <a:ext uri="{FF2B5EF4-FFF2-40B4-BE49-F238E27FC236}">
              <a16:creationId xmlns:a16="http://schemas.microsoft.com/office/drawing/2014/main" id="{37CFFA29-7D39-412E-BECE-9D9915636D5A}"/>
            </a:ext>
          </a:extLst>
        </xdr:cNvPr>
        <xdr:cNvSpPr/>
      </xdr:nvSpPr>
      <xdr:spPr>
        <a:xfrm>
          <a:off x="13578840" y="652308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62560</xdr:rowOff>
    </xdr:from>
    <xdr:to>
      <xdr:col>76</xdr:col>
      <xdr:colOff>165100</xdr:colOff>
      <xdr:row>39</xdr:row>
      <xdr:rowOff>92710</xdr:rowOff>
    </xdr:to>
    <xdr:sp macro="" textlink="">
      <xdr:nvSpPr>
        <xdr:cNvPr id="431" name="フローチャート: 判断 430">
          <a:extLst>
            <a:ext uri="{FF2B5EF4-FFF2-40B4-BE49-F238E27FC236}">
              <a16:creationId xmlns:a16="http://schemas.microsoft.com/office/drawing/2014/main" id="{104B871E-79A5-43CE-BF59-E878C14BEFC3}"/>
            </a:ext>
          </a:extLst>
        </xdr:cNvPr>
        <xdr:cNvSpPr/>
      </xdr:nvSpPr>
      <xdr:spPr>
        <a:xfrm>
          <a:off x="12804140" y="65328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9</xdr:row>
      <xdr:rowOff>4173</xdr:rowOff>
    </xdr:from>
    <xdr:to>
      <xdr:col>72</xdr:col>
      <xdr:colOff>38100</xdr:colOff>
      <xdr:row>39</xdr:row>
      <xdr:rowOff>105773</xdr:rowOff>
    </xdr:to>
    <xdr:sp macro="" textlink="">
      <xdr:nvSpPr>
        <xdr:cNvPr id="432" name="フローチャート: 判断 431">
          <a:extLst>
            <a:ext uri="{FF2B5EF4-FFF2-40B4-BE49-F238E27FC236}">
              <a16:creationId xmlns:a16="http://schemas.microsoft.com/office/drawing/2014/main" id="{F2277B55-DC5D-43A6-8341-C1F2FF774F16}"/>
            </a:ext>
          </a:extLst>
        </xdr:cNvPr>
        <xdr:cNvSpPr/>
      </xdr:nvSpPr>
      <xdr:spPr>
        <a:xfrm>
          <a:off x="12029440" y="654213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9</xdr:row>
      <xdr:rowOff>5806</xdr:rowOff>
    </xdr:from>
    <xdr:to>
      <xdr:col>67</xdr:col>
      <xdr:colOff>101600</xdr:colOff>
      <xdr:row>39</xdr:row>
      <xdr:rowOff>107406</xdr:rowOff>
    </xdr:to>
    <xdr:sp macro="" textlink="">
      <xdr:nvSpPr>
        <xdr:cNvPr id="433" name="フローチャート: 判断 432">
          <a:extLst>
            <a:ext uri="{FF2B5EF4-FFF2-40B4-BE49-F238E27FC236}">
              <a16:creationId xmlns:a16="http://schemas.microsoft.com/office/drawing/2014/main" id="{D997B849-9DAC-4B76-B1AC-768748C844C6}"/>
            </a:ext>
          </a:extLst>
        </xdr:cNvPr>
        <xdr:cNvSpPr/>
      </xdr:nvSpPr>
      <xdr:spPr>
        <a:xfrm>
          <a:off x="11231880" y="654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08C3C79F-6786-4502-9AA9-213018820034}"/>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BA827C73-338C-4095-B669-EA95DA045A41}"/>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6" name="テキスト ボックス 435">
          <a:extLst>
            <a:ext uri="{FF2B5EF4-FFF2-40B4-BE49-F238E27FC236}">
              <a16:creationId xmlns:a16="http://schemas.microsoft.com/office/drawing/2014/main" id="{FF56FC87-4E0D-4145-9929-21F66ED1776E}"/>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7" name="テキスト ボックス 436">
          <a:extLst>
            <a:ext uri="{FF2B5EF4-FFF2-40B4-BE49-F238E27FC236}">
              <a16:creationId xmlns:a16="http://schemas.microsoft.com/office/drawing/2014/main" id="{6414D036-E036-4FB7-8171-8BE3D336E6DE}"/>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8" name="テキスト ボックス 437">
          <a:extLst>
            <a:ext uri="{FF2B5EF4-FFF2-40B4-BE49-F238E27FC236}">
              <a16:creationId xmlns:a16="http://schemas.microsoft.com/office/drawing/2014/main" id="{596C03C1-4C0F-454F-91E4-1789E440A357}"/>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52763</xdr:rowOff>
    </xdr:from>
    <xdr:to>
      <xdr:col>85</xdr:col>
      <xdr:colOff>177800</xdr:colOff>
      <xdr:row>42</xdr:row>
      <xdr:rowOff>82913</xdr:rowOff>
    </xdr:to>
    <xdr:sp macro="" textlink="">
      <xdr:nvSpPr>
        <xdr:cNvPr id="439" name="楕円 438">
          <a:extLst>
            <a:ext uri="{FF2B5EF4-FFF2-40B4-BE49-F238E27FC236}">
              <a16:creationId xmlns:a16="http://schemas.microsoft.com/office/drawing/2014/main" id="{0D52D612-F685-4451-A0BF-7684C0A8EE74}"/>
            </a:ext>
          </a:extLst>
        </xdr:cNvPr>
        <xdr:cNvSpPr/>
      </xdr:nvSpPr>
      <xdr:spPr>
        <a:xfrm>
          <a:off x="14325600" y="7026003"/>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67690</xdr:rowOff>
    </xdr:from>
    <xdr:ext cx="405111" cy="259045"/>
    <xdr:sp macro="" textlink="">
      <xdr:nvSpPr>
        <xdr:cNvPr id="440" name="【一般廃棄物処理施設】&#10;有形固定資産減価償却率該当値テキスト">
          <a:extLst>
            <a:ext uri="{FF2B5EF4-FFF2-40B4-BE49-F238E27FC236}">
              <a16:creationId xmlns:a16="http://schemas.microsoft.com/office/drawing/2014/main" id="{887A2B01-5023-4559-8E1F-FF1D4F41B2E4}"/>
            </a:ext>
          </a:extLst>
        </xdr:cNvPr>
        <xdr:cNvSpPr txBox="1"/>
      </xdr:nvSpPr>
      <xdr:spPr>
        <a:xfrm>
          <a:off x="14414500" y="69409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46231</xdr:rowOff>
    </xdr:from>
    <xdr:to>
      <xdr:col>81</xdr:col>
      <xdr:colOff>101600</xdr:colOff>
      <xdr:row>42</xdr:row>
      <xdr:rowOff>76381</xdr:rowOff>
    </xdr:to>
    <xdr:sp macro="" textlink="">
      <xdr:nvSpPr>
        <xdr:cNvPr id="441" name="楕円 440">
          <a:extLst>
            <a:ext uri="{FF2B5EF4-FFF2-40B4-BE49-F238E27FC236}">
              <a16:creationId xmlns:a16="http://schemas.microsoft.com/office/drawing/2014/main" id="{842E7E17-3577-4F1F-BFE3-7160DB0460FF}"/>
            </a:ext>
          </a:extLst>
        </xdr:cNvPr>
        <xdr:cNvSpPr/>
      </xdr:nvSpPr>
      <xdr:spPr>
        <a:xfrm>
          <a:off x="13578840" y="70194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25581</xdr:rowOff>
    </xdr:from>
    <xdr:to>
      <xdr:col>85</xdr:col>
      <xdr:colOff>127000</xdr:colOff>
      <xdr:row>42</xdr:row>
      <xdr:rowOff>32113</xdr:rowOff>
    </xdr:to>
    <xdr:cxnSp macro="">
      <xdr:nvCxnSpPr>
        <xdr:cNvPr id="442" name="直線コネクタ 441">
          <a:extLst>
            <a:ext uri="{FF2B5EF4-FFF2-40B4-BE49-F238E27FC236}">
              <a16:creationId xmlns:a16="http://schemas.microsoft.com/office/drawing/2014/main" id="{585AEC7F-4643-42AD-9BFE-B645BE4A540F}"/>
            </a:ext>
          </a:extLst>
        </xdr:cNvPr>
        <xdr:cNvCxnSpPr/>
      </xdr:nvCxnSpPr>
      <xdr:spPr>
        <a:xfrm>
          <a:off x="13629640" y="7066461"/>
          <a:ext cx="74676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38067</xdr:rowOff>
    </xdr:from>
    <xdr:to>
      <xdr:col>76</xdr:col>
      <xdr:colOff>165100</xdr:colOff>
      <xdr:row>42</xdr:row>
      <xdr:rowOff>68217</xdr:rowOff>
    </xdr:to>
    <xdr:sp macro="" textlink="">
      <xdr:nvSpPr>
        <xdr:cNvPr id="443" name="楕円 442">
          <a:extLst>
            <a:ext uri="{FF2B5EF4-FFF2-40B4-BE49-F238E27FC236}">
              <a16:creationId xmlns:a16="http://schemas.microsoft.com/office/drawing/2014/main" id="{7C28B184-E77D-444A-BF91-1FC900DACD68}"/>
            </a:ext>
          </a:extLst>
        </xdr:cNvPr>
        <xdr:cNvSpPr/>
      </xdr:nvSpPr>
      <xdr:spPr>
        <a:xfrm>
          <a:off x="12804140" y="701130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17417</xdr:rowOff>
    </xdr:from>
    <xdr:to>
      <xdr:col>81</xdr:col>
      <xdr:colOff>50800</xdr:colOff>
      <xdr:row>42</xdr:row>
      <xdr:rowOff>25581</xdr:rowOff>
    </xdr:to>
    <xdr:cxnSp macro="">
      <xdr:nvCxnSpPr>
        <xdr:cNvPr id="444" name="直線コネクタ 443">
          <a:extLst>
            <a:ext uri="{FF2B5EF4-FFF2-40B4-BE49-F238E27FC236}">
              <a16:creationId xmlns:a16="http://schemas.microsoft.com/office/drawing/2014/main" id="{813DCD5A-0D2B-4300-A9F9-64CFDB12632F}"/>
            </a:ext>
          </a:extLst>
        </xdr:cNvPr>
        <xdr:cNvCxnSpPr/>
      </xdr:nvCxnSpPr>
      <xdr:spPr>
        <a:xfrm>
          <a:off x="12854940" y="7058297"/>
          <a:ext cx="7747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18473</xdr:rowOff>
    </xdr:from>
    <xdr:to>
      <xdr:col>72</xdr:col>
      <xdr:colOff>38100</xdr:colOff>
      <xdr:row>42</xdr:row>
      <xdr:rowOff>48623</xdr:rowOff>
    </xdr:to>
    <xdr:sp macro="" textlink="">
      <xdr:nvSpPr>
        <xdr:cNvPr id="445" name="楕円 444">
          <a:extLst>
            <a:ext uri="{FF2B5EF4-FFF2-40B4-BE49-F238E27FC236}">
              <a16:creationId xmlns:a16="http://schemas.microsoft.com/office/drawing/2014/main" id="{79D73820-83DE-41AA-8339-D22B5BA6A6CE}"/>
            </a:ext>
          </a:extLst>
        </xdr:cNvPr>
        <xdr:cNvSpPr/>
      </xdr:nvSpPr>
      <xdr:spPr>
        <a:xfrm>
          <a:off x="12029440" y="699171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69273</xdr:rowOff>
    </xdr:from>
    <xdr:to>
      <xdr:col>76</xdr:col>
      <xdr:colOff>114300</xdr:colOff>
      <xdr:row>42</xdr:row>
      <xdr:rowOff>17417</xdr:rowOff>
    </xdr:to>
    <xdr:cxnSp macro="">
      <xdr:nvCxnSpPr>
        <xdr:cNvPr id="446" name="直線コネクタ 445">
          <a:extLst>
            <a:ext uri="{FF2B5EF4-FFF2-40B4-BE49-F238E27FC236}">
              <a16:creationId xmlns:a16="http://schemas.microsoft.com/office/drawing/2014/main" id="{D57C2109-8E67-4F27-9231-1B0C9FCA88EE}"/>
            </a:ext>
          </a:extLst>
        </xdr:cNvPr>
        <xdr:cNvCxnSpPr/>
      </xdr:nvCxnSpPr>
      <xdr:spPr>
        <a:xfrm>
          <a:off x="12072620" y="7042513"/>
          <a:ext cx="782320" cy="15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03777</xdr:rowOff>
    </xdr:from>
    <xdr:to>
      <xdr:col>67</xdr:col>
      <xdr:colOff>101600</xdr:colOff>
      <xdr:row>42</xdr:row>
      <xdr:rowOff>33927</xdr:rowOff>
    </xdr:to>
    <xdr:sp macro="" textlink="">
      <xdr:nvSpPr>
        <xdr:cNvPr id="447" name="楕円 446">
          <a:extLst>
            <a:ext uri="{FF2B5EF4-FFF2-40B4-BE49-F238E27FC236}">
              <a16:creationId xmlns:a16="http://schemas.microsoft.com/office/drawing/2014/main" id="{6AB48600-ABA3-4E80-BD17-C9949B405BBA}"/>
            </a:ext>
          </a:extLst>
        </xdr:cNvPr>
        <xdr:cNvSpPr/>
      </xdr:nvSpPr>
      <xdr:spPr>
        <a:xfrm>
          <a:off x="11231880" y="69770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154577</xdr:rowOff>
    </xdr:from>
    <xdr:to>
      <xdr:col>71</xdr:col>
      <xdr:colOff>177800</xdr:colOff>
      <xdr:row>41</xdr:row>
      <xdr:rowOff>169273</xdr:rowOff>
    </xdr:to>
    <xdr:cxnSp macro="">
      <xdr:nvCxnSpPr>
        <xdr:cNvPr id="448" name="直線コネクタ 447">
          <a:extLst>
            <a:ext uri="{FF2B5EF4-FFF2-40B4-BE49-F238E27FC236}">
              <a16:creationId xmlns:a16="http://schemas.microsoft.com/office/drawing/2014/main" id="{338FC24C-3F7D-4DA4-875C-7B5441359CED}"/>
            </a:ext>
          </a:extLst>
        </xdr:cNvPr>
        <xdr:cNvCxnSpPr/>
      </xdr:nvCxnSpPr>
      <xdr:spPr>
        <a:xfrm>
          <a:off x="11282680" y="7027817"/>
          <a:ext cx="78994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99440</xdr:rowOff>
    </xdr:from>
    <xdr:ext cx="405111" cy="259045"/>
    <xdr:sp macro="" textlink="">
      <xdr:nvSpPr>
        <xdr:cNvPr id="449" name="n_1aveValue【一般廃棄物処理施設】&#10;有形固定資産減価償却率">
          <a:extLst>
            <a:ext uri="{FF2B5EF4-FFF2-40B4-BE49-F238E27FC236}">
              <a16:creationId xmlns:a16="http://schemas.microsoft.com/office/drawing/2014/main" id="{4C4A8697-B0BD-47B7-A626-771E32CBD598}"/>
            </a:ext>
          </a:extLst>
        </xdr:cNvPr>
        <xdr:cNvSpPr txBox="1"/>
      </xdr:nvSpPr>
      <xdr:spPr>
        <a:xfrm>
          <a:off x="13437244" y="63021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9237</xdr:rowOff>
    </xdr:from>
    <xdr:ext cx="405111" cy="259045"/>
    <xdr:sp macro="" textlink="">
      <xdr:nvSpPr>
        <xdr:cNvPr id="450" name="n_2aveValue【一般廃棄物処理施設】&#10;有形固定資産減価償却率">
          <a:extLst>
            <a:ext uri="{FF2B5EF4-FFF2-40B4-BE49-F238E27FC236}">
              <a16:creationId xmlns:a16="http://schemas.microsoft.com/office/drawing/2014/main" id="{B9A49336-7968-401E-93CB-C674C5EDE8E3}"/>
            </a:ext>
          </a:extLst>
        </xdr:cNvPr>
        <xdr:cNvSpPr txBox="1"/>
      </xdr:nvSpPr>
      <xdr:spPr>
        <a:xfrm>
          <a:off x="12675244" y="6311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22300</xdr:rowOff>
    </xdr:from>
    <xdr:ext cx="405111" cy="259045"/>
    <xdr:sp macro="" textlink="">
      <xdr:nvSpPr>
        <xdr:cNvPr id="451" name="n_3aveValue【一般廃棄物処理施設】&#10;有形固定資産減価償却率">
          <a:extLst>
            <a:ext uri="{FF2B5EF4-FFF2-40B4-BE49-F238E27FC236}">
              <a16:creationId xmlns:a16="http://schemas.microsoft.com/office/drawing/2014/main" id="{24CD8105-83F6-4CCA-88BB-DAC0BE68F9D3}"/>
            </a:ext>
          </a:extLst>
        </xdr:cNvPr>
        <xdr:cNvSpPr txBox="1"/>
      </xdr:nvSpPr>
      <xdr:spPr>
        <a:xfrm>
          <a:off x="11900544" y="63249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23933</xdr:rowOff>
    </xdr:from>
    <xdr:ext cx="405111" cy="259045"/>
    <xdr:sp macro="" textlink="">
      <xdr:nvSpPr>
        <xdr:cNvPr id="452" name="n_4aveValue【一般廃棄物処理施設】&#10;有形固定資産減価償却率">
          <a:extLst>
            <a:ext uri="{FF2B5EF4-FFF2-40B4-BE49-F238E27FC236}">
              <a16:creationId xmlns:a16="http://schemas.microsoft.com/office/drawing/2014/main" id="{6479908F-09CC-428E-9418-24EFF462F858}"/>
            </a:ext>
          </a:extLst>
        </xdr:cNvPr>
        <xdr:cNvSpPr txBox="1"/>
      </xdr:nvSpPr>
      <xdr:spPr>
        <a:xfrm>
          <a:off x="11102984" y="6326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67508</xdr:rowOff>
    </xdr:from>
    <xdr:ext cx="405111" cy="259045"/>
    <xdr:sp macro="" textlink="">
      <xdr:nvSpPr>
        <xdr:cNvPr id="453" name="n_1mainValue【一般廃棄物処理施設】&#10;有形固定資産減価償却率">
          <a:extLst>
            <a:ext uri="{FF2B5EF4-FFF2-40B4-BE49-F238E27FC236}">
              <a16:creationId xmlns:a16="http://schemas.microsoft.com/office/drawing/2014/main" id="{3D74ADD2-4468-4162-B6DB-09DAD6A3D8EE}"/>
            </a:ext>
          </a:extLst>
        </xdr:cNvPr>
        <xdr:cNvSpPr txBox="1"/>
      </xdr:nvSpPr>
      <xdr:spPr>
        <a:xfrm>
          <a:off x="13437244" y="7108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59344</xdr:rowOff>
    </xdr:from>
    <xdr:ext cx="405111" cy="259045"/>
    <xdr:sp macro="" textlink="">
      <xdr:nvSpPr>
        <xdr:cNvPr id="454" name="n_2mainValue【一般廃棄物処理施設】&#10;有形固定資産減価償却率">
          <a:extLst>
            <a:ext uri="{FF2B5EF4-FFF2-40B4-BE49-F238E27FC236}">
              <a16:creationId xmlns:a16="http://schemas.microsoft.com/office/drawing/2014/main" id="{C41819CB-0B87-4AA3-AAC1-DA5E0394278D}"/>
            </a:ext>
          </a:extLst>
        </xdr:cNvPr>
        <xdr:cNvSpPr txBox="1"/>
      </xdr:nvSpPr>
      <xdr:spPr>
        <a:xfrm>
          <a:off x="12675244" y="7100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39750</xdr:rowOff>
    </xdr:from>
    <xdr:ext cx="405111" cy="259045"/>
    <xdr:sp macro="" textlink="">
      <xdr:nvSpPr>
        <xdr:cNvPr id="455" name="n_3mainValue【一般廃棄物処理施設】&#10;有形固定資産減価償却率">
          <a:extLst>
            <a:ext uri="{FF2B5EF4-FFF2-40B4-BE49-F238E27FC236}">
              <a16:creationId xmlns:a16="http://schemas.microsoft.com/office/drawing/2014/main" id="{B3F2A016-3F04-457C-8A6D-B9641841E615}"/>
            </a:ext>
          </a:extLst>
        </xdr:cNvPr>
        <xdr:cNvSpPr txBox="1"/>
      </xdr:nvSpPr>
      <xdr:spPr>
        <a:xfrm>
          <a:off x="11900544" y="7080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25054</xdr:rowOff>
    </xdr:from>
    <xdr:ext cx="405111" cy="259045"/>
    <xdr:sp macro="" textlink="">
      <xdr:nvSpPr>
        <xdr:cNvPr id="456" name="n_4mainValue【一般廃棄物処理施設】&#10;有形固定資産減価償却率">
          <a:extLst>
            <a:ext uri="{FF2B5EF4-FFF2-40B4-BE49-F238E27FC236}">
              <a16:creationId xmlns:a16="http://schemas.microsoft.com/office/drawing/2014/main" id="{89D0601F-07A6-47A7-847E-5BF9F6A586ED}"/>
            </a:ext>
          </a:extLst>
        </xdr:cNvPr>
        <xdr:cNvSpPr txBox="1"/>
      </xdr:nvSpPr>
      <xdr:spPr>
        <a:xfrm>
          <a:off x="11102984" y="7065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7" name="正方形/長方形 456">
          <a:extLst>
            <a:ext uri="{FF2B5EF4-FFF2-40B4-BE49-F238E27FC236}">
              <a16:creationId xmlns:a16="http://schemas.microsoft.com/office/drawing/2014/main" id="{F5338607-8E0D-4B5C-BE8C-ACFD49BE8A15}"/>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8" name="正方形/長方形 457">
          <a:extLst>
            <a:ext uri="{FF2B5EF4-FFF2-40B4-BE49-F238E27FC236}">
              <a16:creationId xmlns:a16="http://schemas.microsoft.com/office/drawing/2014/main" id="{A71D5677-1F1B-45CB-B01C-9DF159F2DF9E}"/>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9" name="正方形/長方形 458">
          <a:extLst>
            <a:ext uri="{FF2B5EF4-FFF2-40B4-BE49-F238E27FC236}">
              <a16:creationId xmlns:a16="http://schemas.microsoft.com/office/drawing/2014/main" id="{209A529A-A15F-4EEF-A9E9-D333DB07ADBB}"/>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60" name="正方形/長方形 459">
          <a:extLst>
            <a:ext uri="{FF2B5EF4-FFF2-40B4-BE49-F238E27FC236}">
              <a16:creationId xmlns:a16="http://schemas.microsoft.com/office/drawing/2014/main" id="{BD6FFA48-B8A6-4A5E-841E-DCDA482DC8E7}"/>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61" name="正方形/長方形 460">
          <a:extLst>
            <a:ext uri="{FF2B5EF4-FFF2-40B4-BE49-F238E27FC236}">
              <a16:creationId xmlns:a16="http://schemas.microsoft.com/office/drawing/2014/main" id="{8DE2F019-9209-4160-B3A4-F85707FFD746}"/>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62" name="正方形/長方形 461">
          <a:extLst>
            <a:ext uri="{FF2B5EF4-FFF2-40B4-BE49-F238E27FC236}">
              <a16:creationId xmlns:a16="http://schemas.microsoft.com/office/drawing/2014/main" id="{7E974E9B-CB12-46B6-9583-A448A52F15CE}"/>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3" name="正方形/長方形 462">
          <a:extLst>
            <a:ext uri="{FF2B5EF4-FFF2-40B4-BE49-F238E27FC236}">
              <a16:creationId xmlns:a16="http://schemas.microsoft.com/office/drawing/2014/main" id="{CE59F591-BEE0-40B8-BCC1-D79CE1DA2FF2}"/>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4" name="正方形/長方形 463">
          <a:extLst>
            <a:ext uri="{FF2B5EF4-FFF2-40B4-BE49-F238E27FC236}">
              <a16:creationId xmlns:a16="http://schemas.microsoft.com/office/drawing/2014/main" id="{9EFDB25C-D0CB-4C73-9C7A-E764206BAB5E}"/>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5" name="テキスト ボックス 464">
          <a:extLst>
            <a:ext uri="{FF2B5EF4-FFF2-40B4-BE49-F238E27FC236}">
              <a16:creationId xmlns:a16="http://schemas.microsoft.com/office/drawing/2014/main" id="{C539B169-3353-4CDF-8CC0-9B8FF5D81ED4}"/>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6" name="直線コネクタ 465">
          <a:extLst>
            <a:ext uri="{FF2B5EF4-FFF2-40B4-BE49-F238E27FC236}">
              <a16:creationId xmlns:a16="http://schemas.microsoft.com/office/drawing/2014/main" id="{63DF2AD8-A1CB-4BDA-9219-7C13867B62DF}"/>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7" name="直線コネクタ 466">
          <a:extLst>
            <a:ext uri="{FF2B5EF4-FFF2-40B4-BE49-F238E27FC236}">
              <a16:creationId xmlns:a16="http://schemas.microsoft.com/office/drawing/2014/main" id="{1191FD37-846B-4D2B-94C0-88DB4637B655}"/>
            </a:ext>
          </a:extLst>
        </xdr:cNvPr>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468" name="テキスト ボックス 467">
          <a:extLst>
            <a:ext uri="{FF2B5EF4-FFF2-40B4-BE49-F238E27FC236}">
              <a16:creationId xmlns:a16="http://schemas.microsoft.com/office/drawing/2014/main" id="{3C00F1E6-521E-4A1B-A262-C43F9CB4AA2B}"/>
            </a:ext>
          </a:extLst>
        </xdr:cNvPr>
        <xdr:cNvSpPr txBox="1"/>
      </xdr:nvSpPr>
      <xdr:spPr>
        <a:xfrm>
          <a:off x="15890374" y="68681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9" name="直線コネクタ 468">
          <a:extLst>
            <a:ext uri="{FF2B5EF4-FFF2-40B4-BE49-F238E27FC236}">
              <a16:creationId xmlns:a16="http://schemas.microsoft.com/office/drawing/2014/main" id="{A153A5A8-E5D7-4423-901F-10B5A4E5E807}"/>
            </a:ext>
          </a:extLst>
        </xdr:cNvPr>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470" name="テキスト ボックス 469">
          <a:extLst>
            <a:ext uri="{FF2B5EF4-FFF2-40B4-BE49-F238E27FC236}">
              <a16:creationId xmlns:a16="http://schemas.microsoft.com/office/drawing/2014/main" id="{544C74C9-38E2-442F-84C9-B33696A967EE}"/>
            </a:ext>
          </a:extLst>
        </xdr:cNvPr>
        <xdr:cNvSpPr txBox="1"/>
      </xdr:nvSpPr>
      <xdr:spPr>
        <a:xfrm>
          <a:off x="15589461" y="641859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71" name="直線コネクタ 470">
          <a:extLst>
            <a:ext uri="{FF2B5EF4-FFF2-40B4-BE49-F238E27FC236}">
              <a16:creationId xmlns:a16="http://schemas.microsoft.com/office/drawing/2014/main" id="{47678405-BA31-4C94-9DC6-F9DEB1EB5667}"/>
            </a:ext>
          </a:extLst>
        </xdr:cNvPr>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472" name="テキスト ボックス 471">
          <a:extLst>
            <a:ext uri="{FF2B5EF4-FFF2-40B4-BE49-F238E27FC236}">
              <a16:creationId xmlns:a16="http://schemas.microsoft.com/office/drawing/2014/main" id="{59F6894C-BC13-4C22-8FE2-6117D2FA94B5}"/>
            </a:ext>
          </a:extLst>
        </xdr:cNvPr>
        <xdr:cNvSpPr txBox="1"/>
      </xdr:nvSpPr>
      <xdr:spPr>
        <a:xfrm>
          <a:off x="15589461" y="59728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73" name="直線コネクタ 472">
          <a:extLst>
            <a:ext uri="{FF2B5EF4-FFF2-40B4-BE49-F238E27FC236}">
              <a16:creationId xmlns:a16="http://schemas.microsoft.com/office/drawing/2014/main" id="{583C001C-A4B0-419F-B557-1B623578E922}"/>
            </a:ext>
          </a:extLst>
        </xdr:cNvPr>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474" name="テキスト ボックス 473">
          <a:extLst>
            <a:ext uri="{FF2B5EF4-FFF2-40B4-BE49-F238E27FC236}">
              <a16:creationId xmlns:a16="http://schemas.microsoft.com/office/drawing/2014/main" id="{1E6BE4EB-10C0-42CE-B353-067172AFFB34}"/>
            </a:ext>
          </a:extLst>
        </xdr:cNvPr>
        <xdr:cNvSpPr txBox="1"/>
      </xdr:nvSpPr>
      <xdr:spPr>
        <a:xfrm>
          <a:off x="15589461" y="55270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5" name="直線コネクタ 474">
          <a:extLst>
            <a:ext uri="{FF2B5EF4-FFF2-40B4-BE49-F238E27FC236}">
              <a16:creationId xmlns:a16="http://schemas.microsoft.com/office/drawing/2014/main" id="{7F4D7C9D-BADD-4485-9309-A8428B83D537}"/>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76" name="テキスト ボックス 475">
          <a:extLst>
            <a:ext uri="{FF2B5EF4-FFF2-40B4-BE49-F238E27FC236}">
              <a16:creationId xmlns:a16="http://schemas.microsoft.com/office/drawing/2014/main" id="{22629134-C884-4584-9266-EDEF6D4C69D9}"/>
            </a:ext>
          </a:extLst>
        </xdr:cNvPr>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7" name="【一般廃棄物処理施設】&#10;一人当たり有形固定資産（償却資産）額グラフ枠">
          <a:extLst>
            <a:ext uri="{FF2B5EF4-FFF2-40B4-BE49-F238E27FC236}">
              <a16:creationId xmlns:a16="http://schemas.microsoft.com/office/drawing/2014/main" id="{5DF82016-CC69-4AEC-A969-8201A2448C25}"/>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30488</xdr:rowOff>
    </xdr:from>
    <xdr:to>
      <xdr:col>116</xdr:col>
      <xdr:colOff>62864</xdr:colOff>
      <xdr:row>41</xdr:row>
      <xdr:rowOff>128348</xdr:rowOff>
    </xdr:to>
    <xdr:cxnSp macro="">
      <xdr:nvCxnSpPr>
        <xdr:cNvPr id="478" name="直線コネクタ 477">
          <a:extLst>
            <a:ext uri="{FF2B5EF4-FFF2-40B4-BE49-F238E27FC236}">
              <a16:creationId xmlns:a16="http://schemas.microsoft.com/office/drawing/2014/main" id="{E5E51F04-B11E-44CD-B64B-CA9EA17B1991}"/>
            </a:ext>
          </a:extLst>
        </xdr:cNvPr>
        <xdr:cNvCxnSpPr/>
      </xdr:nvCxnSpPr>
      <xdr:spPr>
        <a:xfrm flipV="1">
          <a:off x="19509104" y="5830248"/>
          <a:ext cx="0" cy="1171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2175</xdr:rowOff>
    </xdr:from>
    <xdr:ext cx="469744" cy="259045"/>
    <xdr:sp macro="" textlink="">
      <xdr:nvSpPr>
        <xdr:cNvPr id="479" name="【一般廃棄物処理施設】&#10;一人当たり有形固定資産（償却資産）額最小値テキスト">
          <a:extLst>
            <a:ext uri="{FF2B5EF4-FFF2-40B4-BE49-F238E27FC236}">
              <a16:creationId xmlns:a16="http://schemas.microsoft.com/office/drawing/2014/main" id="{B43A8CA6-8C55-4976-80CA-18AF144FA2BC}"/>
            </a:ext>
          </a:extLst>
        </xdr:cNvPr>
        <xdr:cNvSpPr txBox="1"/>
      </xdr:nvSpPr>
      <xdr:spPr>
        <a:xfrm>
          <a:off x="19547840" y="7005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8348</xdr:rowOff>
    </xdr:from>
    <xdr:to>
      <xdr:col>116</xdr:col>
      <xdr:colOff>152400</xdr:colOff>
      <xdr:row>41</xdr:row>
      <xdr:rowOff>128348</xdr:rowOff>
    </xdr:to>
    <xdr:cxnSp macro="">
      <xdr:nvCxnSpPr>
        <xdr:cNvPr id="480" name="直線コネクタ 479">
          <a:extLst>
            <a:ext uri="{FF2B5EF4-FFF2-40B4-BE49-F238E27FC236}">
              <a16:creationId xmlns:a16="http://schemas.microsoft.com/office/drawing/2014/main" id="{CFEDA127-7C5F-471A-8798-52DB88EF3205}"/>
            </a:ext>
          </a:extLst>
        </xdr:cNvPr>
        <xdr:cNvCxnSpPr/>
      </xdr:nvCxnSpPr>
      <xdr:spPr>
        <a:xfrm>
          <a:off x="19443700" y="7001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7165</xdr:rowOff>
    </xdr:from>
    <xdr:ext cx="599010" cy="259045"/>
    <xdr:sp macro="" textlink="">
      <xdr:nvSpPr>
        <xdr:cNvPr id="481" name="【一般廃棄物処理施設】&#10;一人当たり有形固定資産（償却資産）額最大値テキスト">
          <a:extLst>
            <a:ext uri="{FF2B5EF4-FFF2-40B4-BE49-F238E27FC236}">
              <a16:creationId xmlns:a16="http://schemas.microsoft.com/office/drawing/2014/main" id="{2F92B0CE-0F39-46B1-A9FC-B15CCDB980FF}"/>
            </a:ext>
          </a:extLst>
        </xdr:cNvPr>
        <xdr:cNvSpPr txBox="1"/>
      </xdr:nvSpPr>
      <xdr:spPr>
        <a:xfrm>
          <a:off x="19547840" y="56092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30488</xdr:rowOff>
    </xdr:from>
    <xdr:to>
      <xdr:col>116</xdr:col>
      <xdr:colOff>152400</xdr:colOff>
      <xdr:row>34</xdr:row>
      <xdr:rowOff>130488</xdr:rowOff>
    </xdr:to>
    <xdr:cxnSp macro="">
      <xdr:nvCxnSpPr>
        <xdr:cNvPr id="482" name="直線コネクタ 481">
          <a:extLst>
            <a:ext uri="{FF2B5EF4-FFF2-40B4-BE49-F238E27FC236}">
              <a16:creationId xmlns:a16="http://schemas.microsoft.com/office/drawing/2014/main" id="{62D7394B-6A37-4AA6-924D-4565F409798E}"/>
            </a:ext>
          </a:extLst>
        </xdr:cNvPr>
        <xdr:cNvCxnSpPr/>
      </xdr:nvCxnSpPr>
      <xdr:spPr>
        <a:xfrm>
          <a:off x="19443700" y="58302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81353</xdr:rowOff>
    </xdr:from>
    <xdr:ext cx="599010" cy="259045"/>
    <xdr:sp macro="" textlink="">
      <xdr:nvSpPr>
        <xdr:cNvPr id="483" name="【一般廃棄物処理施設】&#10;一人当たり有形固定資産（償却資産）額平均値テキスト">
          <a:extLst>
            <a:ext uri="{FF2B5EF4-FFF2-40B4-BE49-F238E27FC236}">
              <a16:creationId xmlns:a16="http://schemas.microsoft.com/office/drawing/2014/main" id="{63D2EC90-808E-4956-B5E3-26A13D170A68}"/>
            </a:ext>
          </a:extLst>
        </xdr:cNvPr>
        <xdr:cNvSpPr txBox="1"/>
      </xdr:nvSpPr>
      <xdr:spPr>
        <a:xfrm>
          <a:off x="19547840" y="64516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8476</xdr:rowOff>
    </xdr:from>
    <xdr:to>
      <xdr:col>116</xdr:col>
      <xdr:colOff>114300</xdr:colOff>
      <xdr:row>39</xdr:row>
      <xdr:rowOff>160076</xdr:rowOff>
    </xdr:to>
    <xdr:sp macro="" textlink="">
      <xdr:nvSpPr>
        <xdr:cNvPr id="484" name="フローチャート: 判断 483">
          <a:extLst>
            <a:ext uri="{FF2B5EF4-FFF2-40B4-BE49-F238E27FC236}">
              <a16:creationId xmlns:a16="http://schemas.microsoft.com/office/drawing/2014/main" id="{1B24B53D-0433-4DC9-A53B-CFB65E1FC194}"/>
            </a:ext>
          </a:extLst>
        </xdr:cNvPr>
        <xdr:cNvSpPr/>
      </xdr:nvSpPr>
      <xdr:spPr>
        <a:xfrm>
          <a:off x="19458940" y="6596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78143</xdr:rowOff>
    </xdr:from>
    <xdr:to>
      <xdr:col>112</xdr:col>
      <xdr:colOff>38100</xdr:colOff>
      <xdr:row>40</xdr:row>
      <xdr:rowOff>8293</xdr:rowOff>
    </xdr:to>
    <xdr:sp macro="" textlink="">
      <xdr:nvSpPr>
        <xdr:cNvPr id="485" name="フローチャート: 判断 484">
          <a:extLst>
            <a:ext uri="{FF2B5EF4-FFF2-40B4-BE49-F238E27FC236}">
              <a16:creationId xmlns:a16="http://schemas.microsoft.com/office/drawing/2014/main" id="{F4BFC7D2-5744-4FC7-B3FF-3E325FA7529F}"/>
            </a:ext>
          </a:extLst>
        </xdr:cNvPr>
        <xdr:cNvSpPr/>
      </xdr:nvSpPr>
      <xdr:spPr>
        <a:xfrm>
          <a:off x="18735040" y="661610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88629</xdr:rowOff>
    </xdr:from>
    <xdr:to>
      <xdr:col>107</xdr:col>
      <xdr:colOff>101600</xdr:colOff>
      <xdr:row>40</xdr:row>
      <xdr:rowOff>18779</xdr:rowOff>
    </xdr:to>
    <xdr:sp macro="" textlink="">
      <xdr:nvSpPr>
        <xdr:cNvPr id="486" name="フローチャート: 判断 485">
          <a:extLst>
            <a:ext uri="{FF2B5EF4-FFF2-40B4-BE49-F238E27FC236}">
              <a16:creationId xmlns:a16="http://schemas.microsoft.com/office/drawing/2014/main" id="{0898DD27-DA7C-45B8-B083-D8A58B66955F}"/>
            </a:ext>
          </a:extLst>
        </xdr:cNvPr>
        <xdr:cNvSpPr/>
      </xdr:nvSpPr>
      <xdr:spPr>
        <a:xfrm>
          <a:off x="17937480" y="662658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8296</xdr:rowOff>
    </xdr:from>
    <xdr:to>
      <xdr:col>102</xdr:col>
      <xdr:colOff>165100</xdr:colOff>
      <xdr:row>40</xdr:row>
      <xdr:rowOff>28446</xdr:rowOff>
    </xdr:to>
    <xdr:sp macro="" textlink="">
      <xdr:nvSpPr>
        <xdr:cNvPr id="487" name="フローチャート: 判断 486">
          <a:extLst>
            <a:ext uri="{FF2B5EF4-FFF2-40B4-BE49-F238E27FC236}">
              <a16:creationId xmlns:a16="http://schemas.microsoft.com/office/drawing/2014/main" id="{B8D12018-CC2D-4833-97BF-98C57D9D9332}"/>
            </a:ext>
          </a:extLst>
        </xdr:cNvPr>
        <xdr:cNvSpPr/>
      </xdr:nvSpPr>
      <xdr:spPr>
        <a:xfrm>
          <a:off x="17162780" y="66362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7561</xdr:rowOff>
    </xdr:from>
    <xdr:to>
      <xdr:col>98</xdr:col>
      <xdr:colOff>38100</xdr:colOff>
      <xdr:row>40</xdr:row>
      <xdr:rowOff>37711</xdr:rowOff>
    </xdr:to>
    <xdr:sp macro="" textlink="">
      <xdr:nvSpPr>
        <xdr:cNvPr id="488" name="フローチャート: 判断 487">
          <a:extLst>
            <a:ext uri="{FF2B5EF4-FFF2-40B4-BE49-F238E27FC236}">
              <a16:creationId xmlns:a16="http://schemas.microsoft.com/office/drawing/2014/main" id="{2D31E973-2EF9-4E96-834C-A0FB98FC9DA5}"/>
            </a:ext>
          </a:extLst>
        </xdr:cNvPr>
        <xdr:cNvSpPr/>
      </xdr:nvSpPr>
      <xdr:spPr>
        <a:xfrm>
          <a:off x="16388080" y="664552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C2F42861-7104-476B-B378-511FD86E2EDF}"/>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AA870588-EBC0-4383-94C8-5101163C5B5B}"/>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ADB54B28-1926-4241-8296-38B150FD3706}"/>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2" name="テキスト ボックス 491">
          <a:extLst>
            <a:ext uri="{FF2B5EF4-FFF2-40B4-BE49-F238E27FC236}">
              <a16:creationId xmlns:a16="http://schemas.microsoft.com/office/drawing/2014/main" id="{C3CD0203-E268-4B1B-8D31-AFB5B37BC60F}"/>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3" name="テキスト ボックス 492">
          <a:extLst>
            <a:ext uri="{FF2B5EF4-FFF2-40B4-BE49-F238E27FC236}">
              <a16:creationId xmlns:a16="http://schemas.microsoft.com/office/drawing/2014/main" id="{EB33D578-4FB7-496D-8ED7-D175D26E49FD}"/>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0978</xdr:rowOff>
    </xdr:from>
    <xdr:to>
      <xdr:col>116</xdr:col>
      <xdr:colOff>114300</xdr:colOff>
      <xdr:row>40</xdr:row>
      <xdr:rowOff>112578</xdr:rowOff>
    </xdr:to>
    <xdr:sp macro="" textlink="">
      <xdr:nvSpPr>
        <xdr:cNvPr id="494" name="楕円 493">
          <a:extLst>
            <a:ext uri="{FF2B5EF4-FFF2-40B4-BE49-F238E27FC236}">
              <a16:creationId xmlns:a16="http://schemas.microsoft.com/office/drawing/2014/main" id="{3EE7DB36-CD87-45A6-B9E6-67B2BD28771C}"/>
            </a:ext>
          </a:extLst>
        </xdr:cNvPr>
        <xdr:cNvSpPr/>
      </xdr:nvSpPr>
      <xdr:spPr>
        <a:xfrm>
          <a:off x="19458940" y="6716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60855</xdr:rowOff>
    </xdr:from>
    <xdr:ext cx="599010" cy="259045"/>
    <xdr:sp macro="" textlink="">
      <xdr:nvSpPr>
        <xdr:cNvPr id="495" name="【一般廃棄物処理施設】&#10;一人当たり有形固定資産（償却資産）額該当値テキスト">
          <a:extLst>
            <a:ext uri="{FF2B5EF4-FFF2-40B4-BE49-F238E27FC236}">
              <a16:creationId xmlns:a16="http://schemas.microsoft.com/office/drawing/2014/main" id="{9375E789-13C2-4367-A87F-8FD479C6B9DB}"/>
            </a:ext>
          </a:extLst>
        </xdr:cNvPr>
        <xdr:cNvSpPr txBox="1"/>
      </xdr:nvSpPr>
      <xdr:spPr>
        <a:xfrm>
          <a:off x="19547840" y="6698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8648</xdr:rowOff>
    </xdr:from>
    <xdr:to>
      <xdr:col>112</xdr:col>
      <xdr:colOff>38100</xdr:colOff>
      <xdr:row>40</xdr:row>
      <xdr:rowOff>110248</xdr:rowOff>
    </xdr:to>
    <xdr:sp macro="" textlink="">
      <xdr:nvSpPr>
        <xdr:cNvPr id="496" name="楕円 495">
          <a:extLst>
            <a:ext uri="{FF2B5EF4-FFF2-40B4-BE49-F238E27FC236}">
              <a16:creationId xmlns:a16="http://schemas.microsoft.com/office/drawing/2014/main" id="{5AC97050-9BA3-4E42-BA10-96816D875351}"/>
            </a:ext>
          </a:extLst>
        </xdr:cNvPr>
        <xdr:cNvSpPr/>
      </xdr:nvSpPr>
      <xdr:spPr>
        <a:xfrm>
          <a:off x="18735040" y="671424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59448</xdr:rowOff>
    </xdr:from>
    <xdr:to>
      <xdr:col>116</xdr:col>
      <xdr:colOff>63500</xdr:colOff>
      <xdr:row>40</xdr:row>
      <xdr:rowOff>61778</xdr:rowOff>
    </xdr:to>
    <xdr:cxnSp macro="">
      <xdr:nvCxnSpPr>
        <xdr:cNvPr id="497" name="直線コネクタ 496">
          <a:extLst>
            <a:ext uri="{FF2B5EF4-FFF2-40B4-BE49-F238E27FC236}">
              <a16:creationId xmlns:a16="http://schemas.microsoft.com/office/drawing/2014/main" id="{1544B80B-1877-45E3-A421-9A692433FE5E}"/>
            </a:ext>
          </a:extLst>
        </xdr:cNvPr>
        <xdr:cNvCxnSpPr/>
      </xdr:nvCxnSpPr>
      <xdr:spPr>
        <a:xfrm>
          <a:off x="18778220" y="6765048"/>
          <a:ext cx="731520" cy="2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9451</xdr:rowOff>
    </xdr:from>
    <xdr:to>
      <xdr:col>107</xdr:col>
      <xdr:colOff>101600</xdr:colOff>
      <xdr:row>40</xdr:row>
      <xdr:rowOff>111051</xdr:rowOff>
    </xdr:to>
    <xdr:sp macro="" textlink="">
      <xdr:nvSpPr>
        <xdr:cNvPr id="498" name="楕円 497">
          <a:extLst>
            <a:ext uri="{FF2B5EF4-FFF2-40B4-BE49-F238E27FC236}">
              <a16:creationId xmlns:a16="http://schemas.microsoft.com/office/drawing/2014/main" id="{1779093F-F6BE-4B95-81E3-08C148A3DEAC}"/>
            </a:ext>
          </a:extLst>
        </xdr:cNvPr>
        <xdr:cNvSpPr/>
      </xdr:nvSpPr>
      <xdr:spPr>
        <a:xfrm>
          <a:off x="17937480" y="6715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59448</xdr:rowOff>
    </xdr:from>
    <xdr:to>
      <xdr:col>111</xdr:col>
      <xdr:colOff>177800</xdr:colOff>
      <xdr:row>40</xdr:row>
      <xdr:rowOff>60251</xdr:rowOff>
    </xdr:to>
    <xdr:cxnSp macro="">
      <xdr:nvCxnSpPr>
        <xdr:cNvPr id="499" name="直線コネクタ 498">
          <a:extLst>
            <a:ext uri="{FF2B5EF4-FFF2-40B4-BE49-F238E27FC236}">
              <a16:creationId xmlns:a16="http://schemas.microsoft.com/office/drawing/2014/main" id="{9AF7ABAE-70A0-4465-A94D-E187E7832ED5}"/>
            </a:ext>
          </a:extLst>
        </xdr:cNvPr>
        <xdr:cNvCxnSpPr/>
      </xdr:nvCxnSpPr>
      <xdr:spPr>
        <a:xfrm flipV="1">
          <a:off x="17988280" y="6765048"/>
          <a:ext cx="789940" cy="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5732</xdr:rowOff>
    </xdr:from>
    <xdr:to>
      <xdr:col>102</xdr:col>
      <xdr:colOff>165100</xdr:colOff>
      <xdr:row>40</xdr:row>
      <xdr:rowOff>117332</xdr:rowOff>
    </xdr:to>
    <xdr:sp macro="" textlink="">
      <xdr:nvSpPr>
        <xdr:cNvPr id="500" name="楕円 499">
          <a:extLst>
            <a:ext uri="{FF2B5EF4-FFF2-40B4-BE49-F238E27FC236}">
              <a16:creationId xmlns:a16="http://schemas.microsoft.com/office/drawing/2014/main" id="{37609025-FD03-498A-9C3C-3C2B43BE0676}"/>
            </a:ext>
          </a:extLst>
        </xdr:cNvPr>
        <xdr:cNvSpPr/>
      </xdr:nvSpPr>
      <xdr:spPr>
        <a:xfrm>
          <a:off x="17162780" y="6721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60251</xdr:rowOff>
    </xdr:from>
    <xdr:to>
      <xdr:col>107</xdr:col>
      <xdr:colOff>50800</xdr:colOff>
      <xdr:row>40</xdr:row>
      <xdr:rowOff>66532</xdr:rowOff>
    </xdr:to>
    <xdr:cxnSp macro="">
      <xdr:nvCxnSpPr>
        <xdr:cNvPr id="501" name="直線コネクタ 500">
          <a:extLst>
            <a:ext uri="{FF2B5EF4-FFF2-40B4-BE49-F238E27FC236}">
              <a16:creationId xmlns:a16="http://schemas.microsoft.com/office/drawing/2014/main" id="{921A4082-3517-42C5-9B18-0775B4D831CE}"/>
            </a:ext>
          </a:extLst>
        </xdr:cNvPr>
        <xdr:cNvCxnSpPr/>
      </xdr:nvCxnSpPr>
      <xdr:spPr>
        <a:xfrm flipV="1">
          <a:off x="17213580" y="6765851"/>
          <a:ext cx="774700" cy="6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6587</xdr:rowOff>
    </xdr:from>
    <xdr:to>
      <xdr:col>98</xdr:col>
      <xdr:colOff>38100</xdr:colOff>
      <xdr:row>40</xdr:row>
      <xdr:rowOff>118187</xdr:rowOff>
    </xdr:to>
    <xdr:sp macro="" textlink="">
      <xdr:nvSpPr>
        <xdr:cNvPr id="502" name="楕円 501">
          <a:extLst>
            <a:ext uri="{FF2B5EF4-FFF2-40B4-BE49-F238E27FC236}">
              <a16:creationId xmlns:a16="http://schemas.microsoft.com/office/drawing/2014/main" id="{32A8ED29-B945-4784-90E8-AE42510C43F9}"/>
            </a:ext>
          </a:extLst>
        </xdr:cNvPr>
        <xdr:cNvSpPr/>
      </xdr:nvSpPr>
      <xdr:spPr>
        <a:xfrm>
          <a:off x="16388080" y="672218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66532</xdr:rowOff>
    </xdr:from>
    <xdr:to>
      <xdr:col>102</xdr:col>
      <xdr:colOff>114300</xdr:colOff>
      <xdr:row>40</xdr:row>
      <xdr:rowOff>67387</xdr:rowOff>
    </xdr:to>
    <xdr:cxnSp macro="">
      <xdr:nvCxnSpPr>
        <xdr:cNvPr id="503" name="直線コネクタ 502">
          <a:extLst>
            <a:ext uri="{FF2B5EF4-FFF2-40B4-BE49-F238E27FC236}">
              <a16:creationId xmlns:a16="http://schemas.microsoft.com/office/drawing/2014/main" id="{288D9342-3CF2-4ABF-8118-7DE904908C86}"/>
            </a:ext>
          </a:extLst>
        </xdr:cNvPr>
        <xdr:cNvCxnSpPr/>
      </xdr:nvCxnSpPr>
      <xdr:spPr>
        <a:xfrm flipV="1">
          <a:off x="16431260" y="6772132"/>
          <a:ext cx="782320" cy="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8</xdr:row>
      <xdr:rowOff>24820</xdr:rowOff>
    </xdr:from>
    <xdr:ext cx="599010" cy="259045"/>
    <xdr:sp macro="" textlink="">
      <xdr:nvSpPr>
        <xdr:cNvPr id="504" name="n_1aveValue【一般廃棄物処理施設】&#10;一人当たり有形固定資産（償却資産）額">
          <a:extLst>
            <a:ext uri="{FF2B5EF4-FFF2-40B4-BE49-F238E27FC236}">
              <a16:creationId xmlns:a16="http://schemas.microsoft.com/office/drawing/2014/main" id="{309D128F-7AB7-4447-A760-B598F0341BD1}"/>
            </a:ext>
          </a:extLst>
        </xdr:cNvPr>
        <xdr:cNvSpPr txBox="1"/>
      </xdr:nvSpPr>
      <xdr:spPr>
        <a:xfrm>
          <a:off x="18496495" y="6395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8</xdr:row>
      <xdr:rowOff>35306</xdr:rowOff>
    </xdr:from>
    <xdr:ext cx="599010" cy="259045"/>
    <xdr:sp macro="" textlink="">
      <xdr:nvSpPr>
        <xdr:cNvPr id="505" name="n_2aveValue【一般廃棄物処理施設】&#10;一人当たり有形固定資産（償却資産）額">
          <a:extLst>
            <a:ext uri="{FF2B5EF4-FFF2-40B4-BE49-F238E27FC236}">
              <a16:creationId xmlns:a16="http://schemas.microsoft.com/office/drawing/2014/main" id="{F4C25409-AB77-4B5E-A9B5-7D361CDD29D9}"/>
            </a:ext>
          </a:extLst>
        </xdr:cNvPr>
        <xdr:cNvSpPr txBox="1"/>
      </xdr:nvSpPr>
      <xdr:spPr>
        <a:xfrm>
          <a:off x="17734495" y="6405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8</xdr:row>
      <xdr:rowOff>44973</xdr:rowOff>
    </xdr:from>
    <xdr:ext cx="599010" cy="259045"/>
    <xdr:sp macro="" textlink="">
      <xdr:nvSpPr>
        <xdr:cNvPr id="506" name="n_3aveValue【一般廃棄物処理施設】&#10;一人当たり有形固定資産（償却資産）額">
          <a:extLst>
            <a:ext uri="{FF2B5EF4-FFF2-40B4-BE49-F238E27FC236}">
              <a16:creationId xmlns:a16="http://schemas.microsoft.com/office/drawing/2014/main" id="{D15DEC2C-69FA-4770-9C67-42BE017B139C}"/>
            </a:ext>
          </a:extLst>
        </xdr:cNvPr>
        <xdr:cNvSpPr txBox="1"/>
      </xdr:nvSpPr>
      <xdr:spPr>
        <a:xfrm>
          <a:off x="16936935" y="64152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8</xdr:row>
      <xdr:rowOff>54238</xdr:rowOff>
    </xdr:from>
    <xdr:ext cx="599010" cy="259045"/>
    <xdr:sp macro="" textlink="">
      <xdr:nvSpPr>
        <xdr:cNvPr id="507" name="n_4aveValue【一般廃棄物処理施設】&#10;一人当たり有形固定資産（償却資産）額">
          <a:extLst>
            <a:ext uri="{FF2B5EF4-FFF2-40B4-BE49-F238E27FC236}">
              <a16:creationId xmlns:a16="http://schemas.microsoft.com/office/drawing/2014/main" id="{FC47B2D8-DCB0-4432-8E8F-0842D89DE10C}"/>
            </a:ext>
          </a:extLst>
        </xdr:cNvPr>
        <xdr:cNvSpPr txBox="1"/>
      </xdr:nvSpPr>
      <xdr:spPr>
        <a:xfrm>
          <a:off x="16162235" y="6424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40</xdr:row>
      <xdr:rowOff>101375</xdr:rowOff>
    </xdr:from>
    <xdr:ext cx="599010" cy="259045"/>
    <xdr:sp macro="" textlink="">
      <xdr:nvSpPr>
        <xdr:cNvPr id="508" name="n_1mainValue【一般廃棄物処理施設】&#10;一人当たり有形固定資産（償却資産）額">
          <a:extLst>
            <a:ext uri="{FF2B5EF4-FFF2-40B4-BE49-F238E27FC236}">
              <a16:creationId xmlns:a16="http://schemas.microsoft.com/office/drawing/2014/main" id="{30880712-9D3C-4061-AF3D-34787839F943}"/>
            </a:ext>
          </a:extLst>
        </xdr:cNvPr>
        <xdr:cNvSpPr txBox="1"/>
      </xdr:nvSpPr>
      <xdr:spPr>
        <a:xfrm>
          <a:off x="18496495" y="68069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40</xdr:row>
      <xdr:rowOff>102178</xdr:rowOff>
    </xdr:from>
    <xdr:ext cx="599010" cy="259045"/>
    <xdr:sp macro="" textlink="">
      <xdr:nvSpPr>
        <xdr:cNvPr id="509" name="n_2mainValue【一般廃棄物処理施設】&#10;一人当たり有形固定資産（償却資産）額">
          <a:extLst>
            <a:ext uri="{FF2B5EF4-FFF2-40B4-BE49-F238E27FC236}">
              <a16:creationId xmlns:a16="http://schemas.microsoft.com/office/drawing/2014/main" id="{0681D1E6-1BFC-4661-80DA-C2634A2B6CED}"/>
            </a:ext>
          </a:extLst>
        </xdr:cNvPr>
        <xdr:cNvSpPr txBox="1"/>
      </xdr:nvSpPr>
      <xdr:spPr>
        <a:xfrm>
          <a:off x="17734495" y="6807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40</xdr:row>
      <xdr:rowOff>108459</xdr:rowOff>
    </xdr:from>
    <xdr:ext cx="599010" cy="259045"/>
    <xdr:sp macro="" textlink="">
      <xdr:nvSpPr>
        <xdr:cNvPr id="510" name="n_3mainValue【一般廃棄物処理施設】&#10;一人当たり有形固定資産（償却資産）額">
          <a:extLst>
            <a:ext uri="{FF2B5EF4-FFF2-40B4-BE49-F238E27FC236}">
              <a16:creationId xmlns:a16="http://schemas.microsoft.com/office/drawing/2014/main" id="{784A1888-09FF-4DDE-890E-56BB2355D129}"/>
            </a:ext>
          </a:extLst>
        </xdr:cNvPr>
        <xdr:cNvSpPr txBox="1"/>
      </xdr:nvSpPr>
      <xdr:spPr>
        <a:xfrm>
          <a:off x="16936935" y="68140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40</xdr:row>
      <xdr:rowOff>109314</xdr:rowOff>
    </xdr:from>
    <xdr:ext cx="599010" cy="259045"/>
    <xdr:sp macro="" textlink="">
      <xdr:nvSpPr>
        <xdr:cNvPr id="511" name="n_4mainValue【一般廃棄物処理施設】&#10;一人当たり有形固定資産（償却資産）額">
          <a:extLst>
            <a:ext uri="{FF2B5EF4-FFF2-40B4-BE49-F238E27FC236}">
              <a16:creationId xmlns:a16="http://schemas.microsoft.com/office/drawing/2014/main" id="{B27B6147-776F-4688-BB45-7FCEE0DE61D2}"/>
            </a:ext>
          </a:extLst>
        </xdr:cNvPr>
        <xdr:cNvSpPr txBox="1"/>
      </xdr:nvSpPr>
      <xdr:spPr>
        <a:xfrm>
          <a:off x="16162235" y="6814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2" name="正方形/長方形 511">
          <a:extLst>
            <a:ext uri="{FF2B5EF4-FFF2-40B4-BE49-F238E27FC236}">
              <a16:creationId xmlns:a16="http://schemas.microsoft.com/office/drawing/2014/main" id="{3FCBDCD6-6B01-4442-A2BA-5313F908AAA8}"/>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3" name="正方形/長方形 512">
          <a:extLst>
            <a:ext uri="{FF2B5EF4-FFF2-40B4-BE49-F238E27FC236}">
              <a16:creationId xmlns:a16="http://schemas.microsoft.com/office/drawing/2014/main" id="{4DFD6A65-DD6F-4D78-9D15-F5589401AC5A}"/>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4" name="正方形/長方形 513">
          <a:extLst>
            <a:ext uri="{FF2B5EF4-FFF2-40B4-BE49-F238E27FC236}">
              <a16:creationId xmlns:a16="http://schemas.microsoft.com/office/drawing/2014/main" id="{970B4DBB-CD44-450F-A43D-1154B2D2108D}"/>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5" name="正方形/長方形 514">
          <a:extLst>
            <a:ext uri="{FF2B5EF4-FFF2-40B4-BE49-F238E27FC236}">
              <a16:creationId xmlns:a16="http://schemas.microsoft.com/office/drawing/2014/main" id="{4634E14C-71D8-4EE3-9BAA-EB703E7ECB08}"/>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6" name="正方形/長方形 515">
          <a:extLst>
            <a:ext uri="{FF2B5EF4-FFF2-40B4-BE49-F238E27FC236}">
              <a16:creationId xmlns:a16="http://schemas.microsoft.com/office/drawing/2014/main" id="{8857F1A8-80A6-419A-8C33-FDB65CD8348C}"/>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7" name="正方形/長方形 516">
          <a:extLst>
            <a:ext uri="{FF2B5EF4-FFF2-40B4-BE49-F238E27FC236}">
              <a16:creationId xmlns:a16="http://schemas.microsoft.com/office/drawing/2014/main" id="{D0CC4964-6BD3-4E4E-9254-2B43032CBBC6}"/>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8" name="正方形/長方形 517">
          <a:extLst>
            <a:ext uri="{FF2B5EF4-FFF2-40B4-BE49-F238E27FC236}">
              <a16:creationId xmlns:a16="http://schemas.microsoft.com/office/drawing/2014/main" id="{216E8F33-D909-43DE-B732-7253A1BDB114}"/>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9" name="正方形/長方形 518">
          <a:extLst>
            <a:ext uri="{FF2B5EF4-FFF2-40B4-BE49-F238E27FC236}">
              <a16:creationId xmlns:a16="http://schemas.microsoft.com/office/drawing/2014/main" id="{39386692-CECF-402F-8CB9-8C55079EF104}"/>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0" name="テキスト ボックス 519">
          <a:extLst>
            <a:ext uri="{FF2B5EF4-FFF2-40B4-BE49-F238E27FC236}">
              <a16:creationId xmlns:a16="http://schemas.microsoft.com/office/drawing/2014/main" id="{0F394B0A-A7DF-4881-803F-2893A0DD2B7E}"/>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1" name="直線コネクタ 520">
          <a:extLst>
            <a:ext uri="{FF2B5EF4-FFF2-40B4-BE49-F238E27FC236}">
              <a16:creationId xmlns:a16="http://schemas.microsoft.com/office/drawing/2014/main" id="{F5097DF8-E6BD-41C7-8F43-B7CBC855754D}"/>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2" name="テキスト ボックス 521">
          <a:extLst>
            <a:ext uri="{FF2B5EF4-FFF2-40B4-BE49-F238E27FC236}">
              <a16:creationId xmlns:a16="http://schemas.microsoft.com/office/drawing/2014/main" id="{BD640F6E-8CAB-4E3A-9196-F74B97881FCB}"/>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23" name="直線コネクタ 522">
          <a:extLst>
            <a:ext uri="{FF2B5EF4-FFF2-40B4-BE49-F238E27FC236}">
              <a16:creationId xmlns:a16="http://schemas.microsoft.com/office/drawing/2014/main" id="{AC116760-A669-4234-A5FE-7397DB426F98}"/>
            </a:ext>
          </a:extLst>
        </xdr:cNvPr>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24" name="テキスト ボックス 523">
          <a:extLst>
            <a:ext uri="{FF2B5EF4-FFF2-40B4-BE49-F238E27FC236}">
              <a16:creationId xmlns:a16="http://schemas.microsoft.com/office/drawing/2014/main" id="{15D3F2CA-CE34-4386-9328-0129A8B2B35B}"/>
            </a:ext>
          </a:extLst>
        </xdr:cNvPr>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25" name="直線コネクタ 524">
          <a:extLst>
            <a:ext uri="{FF2B5EF4-FFF2-40B4-BE49-F238E27FC236}">
              <a16:creationId xmlns:a16="http://schemas.microsoft.com/office/drawing/2014/main" id="{3DD40D1C-5D06-40E1-8B25-78067C07F6A6}"/>
            </a:ext>
          </a:extLst>
        </xdr:cNvPr>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6" name="テキスト ボックス 525">
          <a:extLst>
            <a:ext uri="{FF2B5EF4-FFF2-40B4-BE49-F238E27FC236}">
              <a16:creationId xmlns:a16="http://schemas.microsoft.com/office/drawing/2014/main" id="{67897081-0B9C-4D3B-A586-198DEE37F8C5}"/>
            </a:ext>
          </a:extLst>
        </xdr:cNvPr>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7" name="直線コネクタ 526">
          <a:extLst>
            <a:ext uri="{FF2B5EF4-FFF2-40B4-BE49-F238E27FC236}">
              <a16:creationId xmlns:a16="http://schemas.microsoft.com/office/drawing/2014/main" id="{1FF9DCD7-F46B-4A5B-B246-93ADA537E7B3}"/>
            </a:ext>
          </a:extLst>
        </xdr:cNvPr>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8" name="テキスト ボックス 527">
          <a:extLst>
            <a:ext uri="{FF2B5EF4-FFF2-40B4-BE49-F238E27FC236}">
              <a16:creationId xmlns:a16="http://schemas.microsoft.com/office/drawing/2014/main" id="{6D53D8B4-F94B-4DEB-96EE-2DE652260AE4}"/>
            </a:ext>
          </a:extLst>
        </xdr:cNvPr>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9" name="直線コネクタ 528">
          <a:extLst>
            <a:ext uri="{FF2B5EF4-FFF2-40B4-BE49-F238E27FC236}">
              <a16:creationId xmlns:a16="http://schemas.microsoft.com/office/drawing/2014/main" id="{F73A1FA4-B05E-4644-8D0C-09F70FE981A4}"/>
            </a:ext>
          </a:extLst>
        </xdr:cNvPr>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30" name="テキスト ボックス 529">
          <a:extLst>
            <a:ext uri="{FF2B5EF4-FFF2-40B4-BE49-F238E27FC236}">
              <a16:creationId xmlns:a16="http://schemas.microsoft.com/office/drawing/2014/main" id="{05E9537F-1FCE-45D8-8CE9-349E972C324B}"/>
            </a:ext>
          </a:extLst>
        </xdr:cNvPr>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31" name="直線コネクタ 530">
          <a:extLst>
            <a:ext uri="{FF2B5EF4-FFF2-40B4-BE49-F238E27FC236}">
              <a16:creationId xmlns:a16="http://schemas.microsoft.com/office/drawing/2014/main" id="{2C02648F-6EC7-4D5F-A5DB-8EEF89A7F908}"/>
            </a:ext>
          </a:extLst>
        </xdr:cNvPr>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32" name="テキスト ボックス 531">
          <a:extLst>
            <a:ext uri="{FF2B5EF4-FFF2-40B4-BE49-F238E27FC236}">
              <a16:creationId xmlns:a16="http://schemas.microsoft.com/office/drawing/2014/main" id="{2BE4D2BE-E1D5-4068-89DB-80EC8F07FF1C}"/>
            </a:ext>
          </a:extLst>
        </xdr:cNvPr>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33" name="直線コネクタ 532">
          <a:extLst>
            <a:ext uri="{FF2B5EF4-FFF2-40B4-BE49-F238E27FC236}">
              <a16:creationId xmlns:a16="http://schemas.microsoft.com/office/drawing/2014/main" id="{9C3BC514-0A72-453B-A4B9-AA92402C3DF7}"/>
            </a:ext>
          </a:extLst>
        </xdr:cNvPr>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34" name="テキスト ボックス 533">
          <a:extLst>
            <a:ext uri="{FF2B5EF4-FFF2-40B4-BE49-F238E27FC236}">
              <a16:creationId xmlns:a16="http://schemas.microsoft.com/office/drawing/2014/main" id="{F65FDBB5-E8D5-4B47-8C75-D56C3B86939E}"/>
            </a:ext>
          </a:extLst>
        </xdr:cNvPr>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5" name="直線コネクタ 534">
          <a:extLst>
            <a:ext uri="{FF2B5EF4-FFF2-40B4-BE49-F238E27FC236}">
              <a16:creationId xmlns:a16="http://schemas.microsoft.com/office/drawing/2014/main" id="{1596E9E6-0DC7-4589-A2A3-10B400D0FCAA}"/>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6" name="【保健センター・保健所】&#10;有形固定資産減価償却率グラフ枠">
          <a:extLst>
            <a:ext uri="{FF2B5EF4-FFF2-40B4-BE49-F238E27FC236}">
              <a16:creationId xmlns:a16="http://schemas.microsoft.com/office/drawing/2014/main" id="{56F7686D-FF25-4957-BCB9-8072B0808484}"/>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7972</xdr:rowOff>
    </xdr:from>
    <xdr:to>
      <xdr:col>85</xdr:col>
      <xdr:colOff>126364</xdr:colOff>
      <xdr:row>64</xdr:row>
      <xdr:rowOff>130628</xdr:rowOff>
    </xdr:to>
    <xdr:cxnSp macro="">
      <xdr:nvCxnSpPr>
        <xdr:cNvPr id="537" name="直線コネクタ 536">
          <a:extLst>
            <a:ext uri="{FF2B5EF4-FFF2-40B4-BE49-F238E27FC236}">
              <a16:creationId xmlns:a16="http://schemas.microsoft.com/office/drawing/2014/main" id="{B564EC1C-488A-4C32-953E-47D2F97A847A}"/>
            </a:ext>
          </a:extLst>
        </xdr:cNvPr>
        <xdr:cNvCxnSpPr/>
      </xdr:nvCxnSpPr>
      <xdr:spPr>
        <a:xfrm flipV="1">
          <a:off x="14375764" y="9318172"/>
          <a:ext cx="0" cy="15414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4455</xdr:rowOff>
    </xdr:from>
    <xdr:ext cx="469744" cy="259045"/>
    <xdr:sp macro="" textlink="">
      <xdr:nvSpPr>
        <xdr:cNvPr id="538" name="【保健センター・保健所】&#10;有形固定資産減価償却率最小値テキスト">
          <a:extLst>
            <a:ext uri="{FF2B5EF4-FFF2-40B4-BE49-F238E27FC236}">
              <a16:creationId xmlns:a16="http://schemas.microsoft.com/office/drawing/2014/main" id="{ADC49741-679F-4B59-B878-6D8A49D6B882}"/>
            </a:ext>
          </a:extLst>
        </xdr:cNvPr>
        <xdr:cNvSpPr txBox="1"/>
      </xdr:nvSpPr>
      <xdr:spPr>
        <a:xfrm>
          <a:off x="1441450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30628</xdr:rowOff>
    </xdr:from>
    <xdr:to>
      <xdr:col>86</xdr:col>
      <xdr:colOff>25400</xdr:colOff>
      <xdr:row>64</xdr:row>
      <xdr:rowOff>130628</xdr:rowOff>
    </xdr:to>
    <xdr:cxnSp macro="">
      <xdr:nvCxnSpPr>
        <xdr:cNvPr id="539" name="直線コネクタ 538">
          <a:extLst>
            <a:ext uri="{FF2B5EF4-FFF2-40B4-BE49-F238E27FC236}">
              <a16:creationId xmlns:a16="http://schemas.microsoft.com/office/drawing/2014/main" id="{83ED5881-3593-4964-98CF-3AD32B49A568}"/>
            </a:ext>
          </a:extLst>
        </xdr:cNvPr>
        <xdr:cNvCxnSpPr/>
      </xdr:nvCxnSpPr>
      <xdr:spPr>
        <a:xfrm>
          <a:off x="1428750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4649</xdr:rowOff>
    </xdr:from>
    <xdr:ext cx="340478" cy="259045"/>
    <xdr:sp macro="" textlink="">
      <xdr:nvSpPr>
        <xdr:cNvPr id="540" name="【保健センター・保健所】&#10;有形固定資産減価償却率最大値テキスト">
          <a:extLst>
            <a:ext uri="{FF2B5EF4-FFF2-40B4-BE49-F238E27FC236}">
              <a16:creationId xmlns:a16="http://schemas.microsoft.com/office/drawing/2014/main" id="{816A9C08-98F5-4D3E-AA27-A98F3F4D44C1}"/>
            </a:ext>
          </a:extLst>
        </xdr:cNvPr>
        <xdr:cNvSpPr txBox="1"/>
      </xdr:nvSpPr>
      <xdr:spPr>
        <a:xfrm>
          <a:off x="14414500" y="909720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7972</xdr:rowOff>
    </xdr:from>
    <xdr:to>
      <xdr:col>86</xdr:col>
      <xdr:colOff>25400</xdr:colOff>
      <xdr:row>55</xdr:row>
      <xdr:rowOff>97972</xdr:rowOff>
    </xdr:to>
    <xdr:cxnSp macro="">
      <xdr:nvCxnSpPr>
        <xdr:cNvPr id="541" name="直線コネクタ 540">
          <a:extLst>
            <a:ext uri="{FF2B5EF4-FFF2-40B4-BE49-F238E27FC236}">
              <a16:creationId xmlns:a16="http://schemas.microsoft.com/office/drawing/2014/main" id="{624D021E-0CA6-4B28-B663-4D61E847738C}"/>
            </a:ext>
          </a:extLst>
        </xdr:cNvPr>
        <xdr:cNvCxnSpPr/>
      </xdr:nvCxnSpPr>
      <xdr:spPr>
        <a:xfrm>
          <a:off x="14287500" y="93181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9067</xdr:rowOff>
    </xdr:from>
    <xdr:ext cx="405111" cy="259045"/>
    <xdr:sp macro="" textlink="">
      <xdr:nvSpPr>
        <xdr:cNvPr id="542" name="【保健センター・保健所】&#10;有形固定資産減価償却率平均値テキスト">
          <a:extLst>
            <a:ext uri="{FF2B5EF4-FFF2-40B4-BE49-F238E27FC236}">
              <a16:creationId xmlns:a16="http://schemas.microsoft.com/office/drawing/2014/main" id="{1C690D12-8807-4E6E-9703-F7D777D1166C}"/>
            </a:ext>
          </a:extLst>
        </xdr:cNvPr>
        <xdr:cNvSpPr txBox="1"/>
      </xdr:nvSpPr>
      <xdr:spPr>
        <a:xfrm>
          <a:off x="14414500" y="100774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0</xdr:rowOff>
    </xdr:from>
    <xdr:to>
      <xdr:col>85</xdr:col>
      <xdr:colOff>177800</xdr:colOff>
      <xdr:row>60</xdr:row>
      <xdr:rowOff>142240</xdr:rowOff>
    </xdr:to>
    <xdr:sp macro="" textlink="">
      <xdr:nvSpPr>
        <xdr:cNvPr id="543" name="フローチャート: 判断 542">
          <a:extLst>
            <a:ext uri="{FF2B5EF4-FFF2-40B4-BE49-F238E27FC236}">
              <a16:creationId xmlns:a16="http://schemas.microsoft.com/office/drawing/2014/main" id="{4605D3F2-7A21-4E4E-8486-28B82C0A46D9}"/>
            </a:ext>
          </a:extLst>
        </xdr:cNvPr>
        <xdr:cNvSpPr/>
      </xdr:nvSpPr>
      <xdr:spPr>
        <a:xfrm>
          <a:off x="14325600" y="1009904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9413</xdr:rowOff>
    </xdr:from>
    <xdr:to>
      <xdr:col>81</xdr:col>
      <xdr:colOff>101600</xdr:colOff>
      <xdr:row>60</xdr:row>
      <xdr:rowOff>121013</xdr:rowOff>
    </xdr:to>
    <xdr:sp macro="" textlink="">
      <xdr:nvSpPr>
        <xdr:cNvPr id="544" name="フローチャート: 判断 543">
          <a:extLst>
            <a:ext uri="{FF2B5EF4-FFF2-40B4-BE49-F238E27FC236}">
              <a16:creationId xmlns:a16="http://schemas.microsoft.com/office/drawing/2014/main" id="{30054178-B772-4FEF-8321-FE3D40184146}"/>
            </a:ext>
          </a:extLst>
        </xdr:cNvPr>
        <xdr:cNvSpPr/>
      </xdr:nvSpPr>
      <xdr:spPr>
        <a:xfrm>
          <a:off x="13578840" y="1007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7983</xdr:rowOff>
    </xdr:from>
    <xdr:to>
      <xdr:col>76</xdr:col>
      <xdr:colOff>165100</xdr:colOff>
      <xdr:row>60</xdr:row>
      <xdr:rowOff>109583</xdr:rowOff>
    </xdr:to>
    <xdr:sp macro="" textlink="">
      <xdr:nvSpPr>
        <xdr:cNvPr id="545" name="フローチャート: 判断 544">
          <a:extLst>
            <a:ext uri="{FF2B5EF4-FFF2-40B4-BE49-F238E27FC236}">
              <a16:creationId xmlns:a16="http://schemas.microsoft.com/office/drawing/2014/main" id="{46DCC365-B64E-4DDA-BA57-2EF8E5330BB2}"/>
            </a:ext>
          </a:extLst>
        </xdr:cNvPr>
        <xdr:cNvSpPr/>
      </xdr:nvSpPr>
      <xdr:spPr>
        <a:xfrm>
          <a:off x="12804140" y="10066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0244</xdr:rowOff>
    </xdr:from>
    <xdr:to>
      <xdr:col>72</xdr:col>
      <xdr:colOff>38100</xdr:colOff>
      <xdr:row>60</xdr:row>
      <xdr:rowOff>70394</xdr:rowOff>
    </xdr:to>
    <xdr:sp macro="" textlink="">
      <xdr:nvSpPr>
        <xdr:cNvPr id="546" name="フローチャート: 判断 545">
          <a:extLst>
            <a:ext uri="{FF2B5EF4-FFF2-40B4-BE49-F238E27FC236}">
              <a16:creationId xmlns:a16="http://schemas.microsoft.com/office/drawing/2014/main" id="{2D405E73-EAAC-41C0-8915-12268483F966}"/>
            </a:ext>
          </a:extLst>
        </xdr:cNvPr>
        <xdr:cNvSpPr/>
      </xdr:nvSpPr>
      <xdr:spPr>
        <a:xfrm>
          <a:off x="12029440" y="1003100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5346</xdr:rowOff>
    </xdr:from>
    <xdr:to>
      <xdr:col>67</xdr:col>
      <xdr:colOff>101600</xdr:colOff>
      <xdr:row>60</xdr:row>
      <xdr:rowOff>65496</xdr:rowOff>
    </xdr:to>
    <xdr:sp macro="" textlink="">
      <xdr:nvSpPr>
        <xdr:cNvPr id="547" name="フローチャート: 判断 546">
          <a:extLst>
            <a:ext uri="{FF2B5EF4-FFF2-40B4-BE49-F238E27FC236}">
              <a16:creationId xmlns:a16="http://schemas.microsoft.com/office/drawing/2014/main" id="{ECC5BC62-AB6D-4428-93A5-C35E0A99CD01}"/>
            </a:ext>
          </a:extLst>
        </xdr:cNvPr>
        <xdr:cNvSpPr/>
      </xdr:nvSpPr>
      <xdr:spPr>
        <a:xfrm>
          <a:off x="11231880" y="100261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8867EDDE-0CFA-4812-A3A7-5C9A1EB86EC7}"/>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9" name="テキスト ボックス 548">
          <a:extLst>
            <a:ext uri="{FF2B5EF4-FFF2-40B4-BE49-F238E27FC236}">
              <a16:creationId xmlns:a16="http://schemas.microsoft.com/office/drawing/2014/main" id="{627191FF-EB55-4E61-9570-2A782143A971}"/>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0" name="テキスト ボックス 549">
          <a:extLst>
            <a:ext uri="{FF2B5EF4-FFF2-40B4-BE49-F238E27FC236}">
              <a16:creationId xmlns:a16="http://schemas.microsoft.com/office/drawing/2014/main" id="{1E0431DC-267B-4001-8C4A-C9BE47C2D2FA}"/>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1" name="テキスト ボックス 550">
          <a:extLst>
            <a:ext uri="{FF2B5EF4-FFF2-40B4-BE49-F238E27FC236}">
              <a16:creationId xmlns:a16="http://schemas.microsoft.com/office/drawing/2014/main" id="{6403A1F9-6ADF-4933-86E0-9995E21167DC}"/>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2" name="テキスト ボックス 551">
          <a:extLst>
            <a:ext uri="{FF2B5EF4-FFF2-40B4-BE49-F238E27FC236}">
              <a16:creationId xmlns:a16="http://schemas.microsoft.com/office/drawing/2014/main" id="{DE0C6E5B-464D-406E-A770-502251DD010E}"/>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3916</xdr:rowOff>
    </xdr:from>
    <xdr:to>
      <xdr:col>85</xdr:col>
      <xdr:colOff>177800</xdr:colOff>
      <xdr:row>60</xdr:row>
      <xdr:rowOff>54066</xdr:rowOff>
    </xdr:to>
    <xdr:sp macro="" textlink="">
      <xdr:nvSpPr>
        <xdr:cNvPr id="553" name="楕円 552">
          <a:extLst>
            <a:ext uri="{FF2B5EF4-FFF2-40B4-BE49-F238E27FC236}">
              <a16:creationId xmlns:a16="http://schemas.microsoft.com/office/drawing/2014/main" id="{D1168381-A7DE-48B1-BCDF-57EB91A188B3}"/>
            </a:ext>
          </a:extLst>
        </xdr:cNvPr>
        <xdr:cNvSpPr/>
      </xdr:nvSpPr>
      <xdr:spPr>
        <a:xfrm>
          <a:off x="14325600" y="10014676"/>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46793</xdr:rowOff>
    </xdr:from>
    <xdr:ext cx="405111" cy="259045"/>
    <xdr:sp macro="" textlink="">
      <xdr:nvSpPr>
        <xdr:cNvPr id="554" name="【保健センター・保健所】&#10;有形固定資産減価償却率該当値テキスト">
          <a:extLst>
            <a:ext uri="{FF2B5EF4-FFF2-40B4-BE49-F238E27FC236}">
              <a16:creationId xmlns:a16="http://schemas.microsoft.com/office/drawing/2014/main" id="{1EFF6EF0-9E2E-434A-905A-FA2B5AD2CF2A}"/>
            </a:ext>
          </a:extLst>
        </xdr:cNvPr>
        <xdr:cNvSpPr txBox="1"/>
      </xdr:nvSpPr>
      <xdr:spPr>
        <a:xfrm>
          <a:off x="14414500" y="9869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97790</xdr:rowOff>
    </xdr:from>
    <xdr:to>
      <xdr:col>81</xdr:col>
      <xdr:colOff>101600</xdr:colOff>
      <xdr:row>60</xdr:row>
      <xdr:rowOff>27940</xdr:rowOff>
    </xdr:to>
    <xdr:sp macro="" textlink="">
      <xdr:nvSpPr>
        <xdr:cNvPr id="555" name="楕円 554">
          <a:extLst>
            <a:ext uri="{FF2B5EF4-FFF2-40B4-BE49-F238E27FC236}">
              <a16:creationId xmlns:a16="http://schemas.microsoft.com/office/drawing/2014/main" id="{E8E7D350-5795-4CF3-BA6C-0E7901CACC6E}"/>
            </a:ext>
          </a:extLst>
        </xdr:cNvPr>
        <xdr:cNvSpPr/>
      </xdr:nvSpPr>
      <xdr:spPr>
        <a:xfrm>
          <a:off x="13578840" y="99885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8590</xdr:rowOff>
    </xdr:from>
    <xdr:to>
      <xdr:col>85</xdr:col>
      <xdr:colOff>127000</xdr:colOff>
      <xdr:row>60</xdr:row>
      <xdr:rowOff>3266</xdr:rowOff>
    </xdr:to>
    <xdr:cxnSp macro="">
      <xdr:nvCxnSpPr>
        <xdr:cNvPr id="556" name="直線コネクタ 555">
          <a:extLst>
            <a:ext uri="{FF2B5EF4-FFF2-40B4-BE49-F238E27FC236}">
              <a16:creationId xmlns:a16="http://schemas.microsoft.com/office/drawing/2014/main" id="{B776EEE9-BE8E-473A-BF13-43BC8F1CBEDF}"/>
            </a:ext>
          </a:extLst>
        </xdr:cNvPr>
        <xdr:cNvCxnSpPr/>
      </xdr:nvCxnSpPr>
      <xdr:spPr>
        <a:xfrm>
          <a:off x="13629640" y="10039350"/>
          <a:ext cx="746760" cy="22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65133</xdr:rowOff>
    </xdr:from>
    <xdr:to>
      <xdr:col>76</xdr:col>
      <xdr:colOff>165100</xdr:colOff>
      <xdr:row>59</xdr:row>
      <xdr:rowOff>166733</xdr:rowOff>
    </xdr:to>
    <xdr:sp macro="" textlink="">
      <xdr:nvSpPr>
        <xdr:cNvPr id="557" name="楕円 556">
          <a:extLst>
            <a:ext uri="{FF2B5EF4-FFF2-40B4-BE49-F238E27FC236}">
              <a16:creationId xmlns:a16="http://schemas.microsoft.com/office/drawing/2014/main" id="{413E3960-5D6A-4C28-BF70-144727F5CDB8}"/>
            </a:ext>
          </a:extLst>
        </xdr:cNvPr>
        <xdr:cNvSpPr/>
      </xdr:nvSpPr>
      <xdr:spPr>
        <a:xfrm>
          <a:off x="12804140" y="9955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15933</xdr:rowOff>
    </xdr:from>
    <xdr:to>
      <xdr:col>81</xdr:col>
      <xdr:colOff>50800</xdr:colOff>
      <xdr:row>59</xdr:row>
      <xdr:rowOff>148590</xdr:rowOff>
    </xdr:to>
    <xdr:cxnSp macro="">
      <xdr:nvCxnSpPr>
        <xdr:cNvPr id="558" name="直線コネクタ 557">
          <a:extLst>
            <a:ext uri="{FF2B5EF4-FFF2-40B4-BE49-F238E27FC236}">
              <a16:creationId xmlns:a16="http://schemas.microsoft.com/office/drawing/2014/main" id="{49904072-2A39-4C42-8DC5-FBA0C7F2109C}"/>
            </a:ext>
          </a:extLst>
        </xdr:cNvPr>
        <xdr:cNvCxnSpPr/>
      </xdr:nvCxnSpPr>
      <xdr:spPr>
        <a:xfrm>
          <a:off x="12854940" y="10006693"/>
          <a:ext cx="7747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30843</xdr:rowOff>
    </xdr:from>
    <xdr:to>
      <xdr:col>72</xdr:col>
      <xdr:colOff>38100</xdr:colOff>
      <xdr:row>59</xdr:row>
      <xdr:rowOff>132443</xdr:rowOff>
    </xdr:to>
    <xdr:sp macro="" textlink="">
      <xdr:nvSpPr>
        <xdr:cNvPr id="559" name="楕円 558">
          <a:extLst>
            <a:ext uri="{FF2B5EF4-FFF2-40B4-BE49-F238E27FC236}">
              <a16:creationId xmlns:a16="http://schemas.microsoft.com/office/drawing/2014/main" id="{2F211C8C-2272-4591-9B12-6F156B0331D5}"/>
            </a:ext>
          </a:extLst>
        </xdr:cNvPr>
        <xdr:cNvSpPr/>
      </xdr:nvSpPr>
      <xdr:spPr>
        <a:xfrm>
          <a:off x="12029440" y="992160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81643</xdr:rowOff>
    </xdr:from>
    <xdr:to>
      <xdr:col>76</xdr:col>
      <xdr:colOff>114300</xdr:colOff>
      <xdr:row>59</xdr:row>
      <xdr:rowOff>115933</xdr:rowOff>
    </xdr:to>
    <xdr:cxnSp macro="">
      <xdr:nvCxnSpPr>
        <xdr:cNvPr id="560" name="直線コネクタ 559">
          <a:extLst>
            <a:ext uri="{FF2B5EF4-FFF2-40B4-BE49-F238E27FC236}">
              <a16:creationId xmlns:a16="http://schemas.microsoft.com/office/drawing/2014/main" id="{B4E14BFF-59C3-44BE-9528-C10806E32CDE}"/>
            </a:ext>
          </a:extLst>
        </xdr:cNvPr>
        <xdr:cNvCxnSpPr/>
      </xdr:nvCxnSpPr>
      <xdr:spPr>
        <a:xfrm>
          <a:off x="12072620" y="9972403"/>
          <a:ext cx="78232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69635</xdr:rowOff>
    </xdr:from>
    <xdr:to>
      <xdr:col>67</xdr:col>
      <xdr:colOff>101600</xdr:colOff>
      <xdr:row>59</xdr:row>
      <xdr:rowOff>99785</xdr:rowOff>
    </xdr:to>
    <xdr:sp macro="" textlink="">
      <xdr:nvSpPr>
        <xdr:cNvPr id="561" name="楕円 560">
          <a:extLst>
            <a:ext uri="{FF2B5EF4-FFF2-40B4-BE49-F238E27FC236}">
              <a16:creationId xmlns:a16="http://schemas.microsoft.com/office/drawing/2014/main" id="{FD7546D4-F899-4FDB-93F3-C14AA0257BD5}"/>
            </a:ext>
          </a:extLst>
        </xdr:cNvPr>
        <xdr:cNvSpPr/>
      </xdr:nvSpPr>
      <xdr:spPr>
        <a:xfrm>
          <a:off x="11231880" y="98927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48985</xdr:rowOff>
    </xdr:from>
    <xdr:to>
      <xdr:col>71</xdr:col>
      <xdr:colOff>177800</xdr:colOff>
      <xdr:row>59</xdr:row>
      <xdr:rowOff>81643</xdr:rowOff>
    </xdr:to>
    <xdr:cxnSp macro="">
      <xdr:nvCxnSpPr>
        <xdr:cNvPr id="562" name="直線コネクタ 561">
          <a:extLst>
            <a:ext uri="{FF2B5EF4-FFF2-40B4-BE49-F238E27FC236}">
              <a16:creationId xmlns:a16="http://schemas.microsoft.com/office/drawing/2014/main" id="{D9E54DD5-4DD9-470F-9A17-B840B933C3F3}"/>
            </a:ext>
          </a:extLst>
        </xdr:cNvPr>
        <xdr:cNvCxnSpPr/>
      </xdr:nvCxnSpPr>
      <xdr:spPr>
        <a:xfrm>
          <a:off x="11282680" y="9939745"/>
          <a:ext cx="78994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12140</xdr:rowOff>
    </xdr:from>
    <xdr:ext cx="405111" cy="259045"/>
    <xdr:sp macro="" textlink="">
      <xdr:nvSpPr>
        <xdr:cNvPr id="563" name="n_1aveValue【保健センター・保健所】&#10;有形固定資産減価償却率">
          <a:extLst>
            <a:ext uri="{FF2B5EF4-FFF2-40B4-BE49-F238E27FC236}">
              <a16:creationId xmlns:a16="http://schemas.microsoft.com/office/drawing/2014/main" id="{96434C60-D576-48E2-A52F-945725FC0380}"/>
            </a:ext>
          </a:extLst>
        </xdr:cNvPr>
        <xdr:cNvSpPr txBox="1"/>
      </xdr:nvSpPr>
      <xdr:spPr>
        <a:xfrm>
          <a:off x="13437244" y="10170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00710</xdr:rowOff>
    </xdr:from>
    <xdr:ext cx="405111" cy="259045"/>
    <xdr:sp macro="" textlink="">
      <xdr:nvSpPr>
        <xdr:cNvPr id="564" name="n_2aveValue【保健センター・保健所】&#10;有形固定資産減価償却率">
          <a:extLst>
            <a:ext uri="{FF2B5EF4-FFF2-40B4-BE49-F238E27FC236}">
              <a16:creationId xmlns:a16="http://schemas.microsoft.com/office/drawing/2014/main" id="{32384553-0DCB-4CBD-A265-EFCC746FD5F5}"/>
            </a:ext>
          </a:extLst>
        </xdr:cNvPr>
        <xdr:cNvSpPr txBox="1"/>
      </xdr:nvSpPr>
      <xdr:spPr>
        <a:xfrm>
          <a:off x="12675244" y="101591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61521</xdr:rowOff>
    </xdr:from>
    <xdr:ext cx="405111" cy="259045"/>
    <xdr:sp macro="" textlink="">
      <xdr:nvSpPr>
        <xdr:cNvPr id="565" name="n_3aveValue【保健センター・保健所】&#10;有形固定資産減価償却率">
          <a:extLst>
            <a:ext uri="{FF2B5EF4-FFF2-40B4-BE49-F238E27FC236}">
              <a16:creationId xmlns:a16="http://schemas.microsoft.com/office/drawing/2014/main" id="{48992C6C-1DFA-401A-B632-D56E3DAA42E1}"/>
            </a:ext>
          </a:extLst>
        </xdr:cNvPr>
        <xdr:cNvSpPr txBox="1"/>
      </xdr:nvSpPr>
      <xdr:spPr>
        <a:xfrm>
          <a:off x="11900544" y="10119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56623</xdr:rowOff>
    </xdr:from>
    <xdr:ext cx="405111" cy="259045"/>
    <xdr:sp macro="" textlink="">
      <xdr:nvSpPr>
        <xdr:cNvPr id="566" name="n_4aveValue【保健センター・保健所】&#10;有形固定資産減価償却率">
          <a:extLst>
            <a:ext uri="{FF2B5EF4-FFF2-40B4-BE49-F238E27FC236}">
              <a16:creationId xmlns:a16="http://schemas.microsoft.com/office/drawing/2014/main" id="{4E419F45-4DFE-41B2-86DE-7211495CF5E3}"/>
            </a:ext>
          </a:extLst>
        </xdr:cNvPr>
        <xdr:cNvSpPr txBox="1"/>
      </xdr:nvSpPr>
      <xdr:spPr>
        <a:xfrm>
          <a:off x="11102984" y="10115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44467</xdr:rowOff>
    </xdr:from>
    <xdr:ext cx="405111" cy="259045"/>
    <xdr:sp macro="" textlink="">
      <xdr:nvSpPr>
        <xdr:cNvPr id="567" name="n_1mainValue【保健センター・保健所】&#10;有形固定資産減価償却率">
          <a:extLst>
            <a:ext uri="{FF2B5EF4-FFF2-40B4-BE49-F238E27FC236}">
              <a16:creationId xmlns:a16="http://schemas.microsoft.com/office/drawing/2014/main" id="{1F268499-B9B6-4A98-8504-71D87C820BC5}"/>
            </a:ext>
          </a:extLst>
        </xdr:cNvPr>
        <xdr:cNvSpPr txBox="1"/>
      </xdr:nvSpPr>
      <xdr:spPr>
        <a:xfrm>
          <a:off x="13437244" y="9767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1810</xdr:rowOff>
    </xdr:from>
    <xdr:ext cx="405111" cy="259045"/>
    <xdr:sp macro="" textlink="">
      <xdr:nvSpPr>
        <xdr:cNvPr id="568" name="n_2mainValue【保健センター・保健所】&#10;有形固定資産減価償却率">
          <a:extLst>
            <a:ext uri="{FF2B5EF4-FFF2-40B4-BE49-F238E27FC236}">
              <a16:creationId xmlns:a16="http://schemas.microsoft.com/office/drawing/2014/main" id="{EC63388C-F758-4F79-83B7-CA020E30F1F6}"/>
            </a:ext>
          </a:extLst>
        </xdr:cNvPr>
        <xdr:cNvSpPr txBox="1"/>
      </xdr:nvSpPr>
      <xdr:spPr>
        <a:xfrm>
          <a:off x="12675244" y="97349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48970</xdr:rowOff>
    </xdr:from>
    <xdr:ext cx="405111" cy="259045"/>
    <xdr:sp macro="" textlink="">
      <xdr:nvSpPr>
        <xdr:cNvPr id="569" name="n_3mainValue【保健センター・保健所】&#10;有形固定資産減価償却率">
          <a:extLst>
            <a:ext uri="{FF2B5EF4-FFF2-40B4-BE49-F238E27FC236}">
              <a16:creationId xmlns:a16="http://schemas.microsoft.com/office/drawing/2014/main" id="{19CF4DC0-9518-4EC2-AE15-5F55359D3902}"/>
            </a:ext>
          </a:extLst>
        </xdr:cNvPr>
        <xdr:cNvSpPr txBox="1"/>
      </xdr:nvSpPr>
      <xdr:spPr>
        <a:xfrm>
          <a:off x="11900544" y="9704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16312</xdr:rowOff>
    </xdr:from>
    <xdr:ext cx="405111" cy="259045"/>
    <xdr:sp macro="" textlink="">
      <xdr:nvSpPr>
        <xdr:cNvPr id="570" name="n_4mainValue【保健センター・保健所】&#10;有形固定資産減価償却率">
          <a:extLst>
            <a:ext uri="{FF2B5EF4-FFF2-40B4-BE49-F238E27FC236}">
              <a16:creationId xmlns:a16="http://schemas.microsoft.com/office/drawing/2014/main" id="{632AEAE7-1E06-4F5D-AB10-3F92F018F2A5}"/>
            </a:ext>
          </a:extLst>
        </xdr:cNvPr>
        <xdr:cNvSpPr txBox="1"/>
      </xdr:nvSpPr>
      <xdr:spPr>
        <a:xfrm>
          <a:off x="11102984" y="967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1" name="正方形/長方形 570">
          <a:extLst>
            <a:ext uri="{FF2B5EF4-FFF2-40B4-BE49-F238E27FC236}">
              <a16:creationId xmlns:a16="http://schemas.microsoft.com/office/drawing/2014/main" id="{C5508B66-E28B-4874-867D-346008EF9022}"/>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2" name="正方形/長方形 571">
          <a:extLst>
            <a:ext uri="{FF2B5EF4-FFF2-40B4-BE49-F238E27FC236}">
              <a16:creationId xmlns:a16="http://schemas.microsoft.com/office/drawing/2014/main" id="{7E17E9B8-07A2-47E8-B418-670B74EB01A0}"/>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3" name="正方形/長方形 572">
          <a:extLst>
            <a:ext uri="{FF2B5EF4-FFF2-40B4-BE49-F238E27FC236}">
              <a16:creationId xmlns:a16="http://schemas.microsoft.com/office/drawing/2014/main" id="{6C619C41-9864-4C31-A669-15A4BD15515F}"/>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4" name="正方形/長方形 573">
          <a:extLst>
            <a:ext uri="{FF2B5EF4-FFF2-40B4-BE49-F238E27FC236}">
              <a16:creationId xmlns:a16="http://schemas.microsoft.com/office/drawing/2014/main" id="{853FCC67-ABC4-4818-9151-41505ACF8D4C}"/>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5" name="正方形/長方形 574">
          <a:extLst>
            <a:ext uri="{FF2B5EF4-FFF2-40B4-BE49-F238E27FC236}">
              <a16:creationId xmlns:a16="http://schemas.microsoft.com/office/drawing/2014/main" id="{F0B7C9EE-3A74-4B94-9E20-3F1358B35DBA}"/>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6" name="正方形/長方形 575">
          <a:extLst>
            <a:ext uri="{FF2B5EF4-FFF2-40B4-BE49-F238E27FC236}">
              <a16:creationId xmlns:a16="http://schemas.microsoft.com/office/drawing/2014/main" id="{F8221E67-36F4-4794-9F61-ADB9189A1D38}"/>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7" name="正方形/長方形 576">
          <a:extLst>
            <a:ext uri="{FF2B5EF4-FFF2-40B4-BE49-F238E27FC236}">
              <a16:creationId xmlns:a16="http://schemas.microsoft.com/office/drawing/2014/main" id="{FB6B68C4-2A21-47C5-8056-9060C6564538}"/>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8" name="正方形/長方形 577">
          <a:extLst>
            <a:ext uri="{FF2B5EF4-FFF2-40B4-BE49-F238E27FC236}">
              <a16:creationId xmlns:a16="http://schemas.microsoft.com/office/drawing/2014/main" id="{CE35C690-B83B-45A8-9731-2A4088BC1BBA}"/>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9" name="テキスト ボックス 578">
          <a:extLst>
            <a:ext uri="{FF2B5EF4-FFF2-40B4-BE49-F238E27FC236}">
              <a16:creationId xmlns:a16="http://schemas.microsoft.com/office/drawing/2014/main" id="{592BE768-E049-4AFE-93FF-46F4C261A291}"/>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0" name="直線コネクタ 579">
          <a:extLst>
            <a:ext uri="{FF2B5EF4-FFF2-40B4-BE49-F238E27FC236}">
              <a16:creationId xmlns:a16="http://schemas.microsoft.com/office/drawing/2014/main" id="{E19C9F9A-D4BE-4A86-BA96-9D5953AA64C6}"/>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81" name="直線コネクタ 580">
          <a:extLst>
            <a:ext uri="{FF2B5EF4-FFF2-40B4-BE49-F238E27FC236}">
              <a16:creationId xmlns:a16="http://schemas.microsoft.com/office/drawing/2014/main" id="{47708194-E207-40B0-BDD3-93B89B903EE3}"/>
            </a:ext>
          </a:extLst>
        </xdr:cNvPr>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82" name="テキスト ボックス 581">
          <a:extLst>
            <a:ext uri="{FF2B5EF4-FFF2-40B4-BE49-F238E27FC236}">
              <a16:creationId xmlns:a16="http://schemas.microsoft.com/office/drawing/2014/main" id="{72A534B6-518C-401F-9DA7-A60609A87AD3}"/>
            </a:ext>
          </a:extLst>
        </xdr:cNvPr>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83" name="直線コネクタ 582">
          <a:extLst>
            <a:ext uri="{FF2B5EF4-FFF2-40B4-BE49-F238E27FC236}">
              <a16:creationId xmlns:a16="http://schemas.microsoft.com/office/drawing/2014/main" id="{BE0E1325-7B79-460D-BB7C-9276CD25466C}"/>
            </a:ext>
          </a:extLst>
        </xdr:cNvPr>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84" name="テキスト ボックス 583">
          <a:extLst>
            <a:ext uri="{FF2B5EF4-FFF2-40B4-BE49-F238E27FC236}">
              <a16:creationId xmlns:a16="http://schemas.microsoft.com/office/drawing/2014/main" id="{07488AF9-50E0-4F24-B3F8-F7D23D0FFD86}"/>
            </a:ext>
          </a:extLst>
        </xdr:cNvPr>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5" name="直線コネクタ 584">
          <a:extLst>
            <a:ext uri="{FF2B5EF4-FFF2-40B4-BE49-F238E27FC236}">
              <a16:creationId xmlns:a16="http://schemas.microsoft.com/office/drawing/2014/main" id="{39F1240E-89C0-4B5C-90B7-6B31D1EC28E6}"/>
            </a:ext>
          </a:extLst>
        </xdr:cNvPr>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6" name="テキスト ボックス 585">
          <a:extLst>
            <a:ext uri="{FF2B5EF4-FFF2-40B4-BE49-F238E27FC236}">
              <a16:creationId xmlns:a16="http://schemas.microsoft.com/office/drawing/2014/main" id="{022E5F04-268A-4604-8A25-A06216766B1E}"/>
            </a:ext>
          </a:extLst>
        </xdr:cNvPr>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7" name="直線コネクタ 586">
          <a:extLst>
            <a:ext uri="{FF2B5EF4-FFF2-40B4-BE49-F238E27FC236}">
              <a16:creationId xmlns:a16="http://schemas.microsoft.com/office/drawing/2014/main" id="{F8BCBE23-CA2B-45AA-920D-EEDCD4C07904}"/>
            </a:ext>
          </a:extLst>
        </xdr:cNvPr>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8" name="テキスト ボックス 587">
          <a:extLst>
            <a:ext uri="{FF2B5EF4-FFF2-40B4-BE49-F238E27FC236}">
              <a16:creationId xmlns:a16="http://schemas.microsoft.com/office/drawing/2014/main" id="{7964462B-2F28-4241-AC88-8524828759AC}"/>
            </a:ext>
          </a:extLst>
        </xdr:cNvPr>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9" name="直線コネクタ 588">
          <a:extLst>
            <a:ext uri="{FF2B5EF4-FFF2-40B4-BE49-F238E27FC236}">
              <a16:creationId xmlns:a16="http://schemas.microsoft.com/office/drawing/2014/main" id="{EBF7789B-BDC9-4E4A-8984-415AB1684A31}"/>
            </a:ext>
          </a:extLst>
        </xdr:cNvPr>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90" name="テキスト ボックス 589">
          <a:extLst>
            <a:ext uri="{FF2B5EF4-FFF2-40B4-BE49-F238E27FC236}">
              <a16:creationId xmlns:a16="http://schemas.microsoft.com/office/drawing/2014/main" id="{A6633DC2-CA74-4BDA-BB2F-41780B76E8F3}"/>
            </a:ext>
          </a:extLst>
        </xdr:cNvPr>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91" name="直線コネクタ 590">
          <a:extLst>
            <a:ext uri="{FF2B5EF4-FFF2-40B4-BE49-F238E27FC236}">
              <a16:creationId xmlns:a16="http://schemas.microsoft.com/office/drawing/2014/main" id="{9D12252A-0362-43C1-925F-5AD2F5F2ACD6}"/>
            </a:ext>
          </a:extLst>
        </xdr:cNvPr>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92" name="テキスト ボックス 591">
          <a:extLst>
            <a:ext uri="{FF2B5EF4-FFF2-40B4-BE49-F238E27FC236}">
              <a16:creationId xmlns:a16="http://schemas.microsoft.com/office/drawing/2014/main" id="{A901851A-6E8B-4111-820D-4343618F5187}"/>
            </a:ext>
          </a:extLst>
        </xdr:cNvPr>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3" name="直線コネクタ 592">
          <a:extLst>
            <a:ext uri="{FF2B5EF4-FFF2-40B4-BE49-F238E27FC236}">
              <a16:creationId xmlns:a16="http://schemas.microsoft.com/office/drawing/2014/main" id="{ABF9BE6E-EA01-4CEE-9BC6-752BECD300C2}"/>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4" name="テキスト ボックス 593">
          <a:extLst>
            <a:ext uri="{FF2B5EF4-FFF2-40B4-BE49-F238E27FC236}">
              <a16:creationId xmlns:a16="http://schemas.microsoft.com/office/drawing/2014/main" id="{E439ADF7-3BFA-47AF-BDEB-E8035151920D}"/>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5" name="【保健センター・保健所】&#10;一人当たり面積グラフ枠">
          <a:extLst>
            <a:ext uri="{FF2B5EF4-FFF2-40B4-BE49-F238E27FC236}">
              <a16:creationId xmlns:a16="http://schemas.microsoft.com/office/drawing/2014/main" id="{7E1A237E-0F15-4E52-93C2-C7D9B4923930}"/>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0822</xdr:rowOff>
    </xdr:from>
    <xdr:to>
      <xdr:col>116</xdr:col>
      <xdr:colOff>62864</xdr:colOff>
      <xdr:row>64</xdr:row>
      <xdr:rowOff>68580</xdr:rowOff>
    </xdr:to>
    <xdr:cxnSp macro="">
      <xdr:nvCxnSpPr>
        <xdr:cNvPr id="596" name="直線コネクタ 595">
          <a:extLst>
            <a:ext uri="{FF2B5EF4-FFF2-40B4-BE49-F238E27FC236}">
              <a16:creationId xmlns:a16="http://schemas.microsoft.com/office/drawing/2014/main" id="{E628DFF6-5DB5-47A3-BE37-EEE49DDEF2B3}"/>
            </a:ext>
          </a:extLst>
        </xdr:cNvPr>
        <xdr:cNvCxnSpPr/>
      </xdr:nvCxnSpPr>
      <xdr:spPr>
        <a:xfrm flipV="1">
          <a:off x="19509104" y="9261022"/>
          <a:ext cx="0" cy="1536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2407</xdr:rowOff>
    </xdr:from>
    <xdr:ext cx="469744" cy="259045"/>
    <xdr:sp macro="" textlink="">
      <xdr:nvSpPr>
        <xdr:cNvPr id="597" name="【保健センター・保健所】&#10;一人当たり面積最小値テキスト">
          <a:extLst>
            <a:ext uri="{FF2B5EF4-FFF2-40B4-BE49-F238E27FC236}">
              <a16:creationId xmlns:a16="http://schemas.microsoft.com/office/drawing/2014/main" id="{E304C260-FE7B-48B3-9BFE-49C83BB9DBEE}"/>
            </a:ext>
          </a:extLst>
        </xdr:cNvPr>
        <xdr:cNvSpPr txBox="1"/>
      </xdr:nvSpPr>
      <xdr:spPr>
        <a:xfrm>
          <a:off x="19547840" y="10801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8580</xdr:rowOff>
    </xdr:from>
    <xdr:to>
      <xdr:col>116</xdr:col>
      <xdr:colOff>152400</xdr:colOff>
      <xdr:row>64</xdr:row>
      <xdr:rowOff>68580</xdr:rowOff>
    </xdr:to>
    <xdr:cxnSp macro="">
      <xdr:nvCxnSpPr>
        <xdr:cNvPr id="598" name="直線コネクタ 597">
          <a:extLst>
            <a:ext uri="{FF2B5EF4-FFF2-40B4-BE49-F238E27FC236}">
              <a16:creationId xmlns:a16="http://schemas.microsoft.com/office/drawing/2014/main" id="{8DAC7FEB-7389-4019-945E-F7E51082EF12}"/>
            </a:ext>
          </a:extLst>
        </xdr:cNvPr>
        <xdr:cNvCxnSpPr/>
      </xdr:nvCxnSpPr>
      <xdr:spPr>
        <a:xfrm>
          <a:off x="19443700" y="107975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58949</xdr:rowOff>
    </xdr:from>
    <xdr:ext cx="469744" cy="259045"/>
    <xdr:sp macro="" textlink="">
      <xdr:nvSpPr>
        <xdr:cNvPr id="599" name="【保健センター・保健所】&#10;一人当たり面積最大値テキスト">
          <a:extLst>
            <a:ext uri="{FF2B5EF4-FFF2-40B4-BE49-F238E27FC236}">
              <a16:creationId xmlns:a16="http://schemas.microsoft.com/office/drawing/2014/main" id="{C58FECB6-4058-4A35-9BF8-27197733DA4B}"/>
            </a:ext>
          </a:extLst>
        </xdr:cNvPr>
        <xdr:cNvSpPr txBox="1"/>
      </xdr:nvSpPr>
      <xdr:spPr>
        <a:xfrm>
          <a:off x="19547840" y="9043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0822</xdr:rowOff>
    </xdr:from>
    <xdr:to>
      <xdr:col>116</xdr:col>
      <xdr:colOff>152400</xdr:colOff>
      <xdr:row>55</xdr:row>
      <xdr:rowOff>40822</xdr:rowOff>
    </xdr:to>
    <xdr:cxnSp macro="">
      <xdr:nvCxnSpPr>
        <xdr:cNvPr id="600" name="直線コネクタ 599">
          <a:extLst>
            <a:ext uri="{FF2B5EF4-FFF2-40B4-BE49-F238E27FC236}">
              <a16:creationId xmlns:a16="http://schemas.microsoft.com/office/drawing/2014/main" id="{9DCE16F3-297A-4E1D-9771-1E71A02D53CC}"/>
            </a:ext>
          </a:extLst>
        </xdr:cNvPr>
        <xdr:cNvCxnSpPr/>
      </xdr:nvCxnSpPr>
      <xdr:spPr>
        <a:xfrm>
          <a:off x="19443700" y="926102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28864</xdr:rowOff>
    </xdr:from>
    <xdr:ext cx="469744" cy="259045"/>
    <xdr:sp macro="" textlink="">
      <xdr:nvSpPr>
        <xdr:cNvPr id="601" name="【保健センター・保健所】&#10;一人当たり面積平均値テキスト">
          <a:extLst>
            <a:ext uri="{FF2B5EF4-FFF2-40B4-BE49-F238E27FC236}">
              <a16:creationId xmlns:a16="http://schemas.microsoft.com/office/drawing/2014/main" id="{A98FA441-EB86-43A0-8C72-1537A6C6AAAE}"/>
            </a:ext>
          </a:extLst>
        </xdr:cNvPr>
        <xdr:cNvSpPr txBox="1"/>
      </xdr:nvSpPr>
      <xdr:spPr>
        <a:xfrm>
          <a:off x="19547840" y="104225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50437</xdr:rowOff>
    </xdr:from>
    <xdr:to>
      <xdr:col>116</xdr:col>
      <xdr:colOff>114300</xdr:colOff>
      <xdr:row>62</xdr:row>
      <xdr:rowOff>152037</xdr:rowOff>
    </xdr:to>
    <xdr:sp macro="" textlink="">
      <xdr:nvSpPr>
        <xdr:cNvPr id="602" name="フローチャート: 判断 601">
          <a:extLst>
            <a:ext uri="{FF2B5EF4-FFF2-40B4-BE49-F238E27FC236}">
              <a16:creationId xmlns:a16="http://schemas.microsoft.com/office/drawing/2014/main" id="{A365DABB-A40F-4D56-BCD0-DA04A6A1A3D5}"/>
            </a:ext>
          </a:extLst>
        </xdr:cNvPr>
        <xdr:cNvSpPr/>
      </xdr:nvSpPr>
      <xdr:spPr>
        <a:xfrm>
          <a:off x="19458940" y="10444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3297</xdr:rowOff>
    </xdr:from>
    <xdr:to>
      <xdr:col>112</xdr:col>
      <xdr:colOff>38100</xdr:colOff>
      <xdr:row>63</xdr:row>
      <xdr:rowOff>3447</xdr:rowOff>
    </xdr:to>
    <xdr:sp macro="" textlink="">
      <xdr:nvSpPr>
        <xdr:cNvPr id="603" name="フローチャート: 判断 602">
          <a:extLst>
            <a:ext uri="{FF2B5EF4-FFF2-40B4-BE49-F238E27FC236}">
              <a16:creationId xmlns:a16="http://schemas.microsoft.com/office/drawing/2014/main" id="{E8EED5F0-365C-47C6-B19B-25CDAD3A3324}"/>
            </a:ext>
          </a:extLst>
        </xdr:cNvPr>
        <xdr:cNvSpPr/>
      </xdr:nvSpPr>
      <xdr:spPr>
        <a:xfrm>
          <a:off x="18735040" y="1046697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83094</xdr:rowOff>
    </xdr:from>
    <xdr:to>
      <xdr:col>107</xdr:col>
      <xdr:colOff>101600</xdr:colOff>
      <xdr:row>63</xdr:row>
      <xdr:rowOff>13244</xdr:rowOff>
    </xdr:to>
    <xdr:sp macro="" textlink="">
      <xdr:nvSpPr>
        <xdr:cNvPr id="604" name="フローチャート: 判断 603">
          <a:extLst>
            <a:ext uri="{FF2B5EF4-FFF2-40B4-BE49-F238E27FC236}">
              <a16:creationId xmlns:a16="http://schemas.microsoft.com/office/drawing/2014/main" id="{989BDEB6-35F9-4416-920F-068F61D8A58B}"/>
            </a:ext>
          </a:extLst>
        </xdr:cNvPr>
        <xdr:cNvSpPr/>
      </xdr:nvSpPr>
      <xdr:spPr>
        <a:xfrm>
          <a:off x="17937480" y="104767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66370</xdr:rowOff>
    </xdr:from>
    <xdr:to>
      <xdr:col>102</xdr:col>
      <xdr:colOff>165100</xdr:colOff>
      <xdr:row>62</xdr:row>
      <xdr:rowOff>96520</xdr:rowOff>
    </xdr:to>
    <xdr:sp macro="" textlink="">
      <xdr:nvSpPr>
        <xdr:cNvPr id="605" name="フローチャート: 判断 604">
          <a:extLst>
            <a:ext uri="{FF2B5EF4-FFF2-40B4-BE49-F238E27FC236}">
              <a16:creationId xmlns:a16="http://schemas.microsoft.com/office/drawing/2014/main" id="{6B966CAE-8A67-4774-A6DD-9316AD0CAD8A}"/>
            </a:ext>
          </a:extLst>
        </xdr:cNvPr>
        <xdr:cNvSpPr/>
      </xdr:nvSpPr>
      <xdr:spPr>
        <a:xfrm>
          <a:off x="17162780" y="103924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69635</xdr:rowOff>
    </xdr:from>
    <xdr:to>
      <xdr:col>98</xdr:col>
      <xdr:colOff>38100</xdr:colOff>
      <xdr:row>62</xdr:row>
      <xdr:rowOff>99785</xdr:rowOff>
    </xdr:to>
    <xdr:sp macro="" textlink="">
      <xdr:nvSpPr>
        <xdr:cNvPr id="606" name="フローチャート: 判断 605">
          <a:extLst>
            <a:ext uri="{FF2B5EF4-FFF2-40B4-BE49-F238E27FC236}">
              <a16:creationId xmlns:a16="http://schemas.microsoft.com/office/drawing/2014/main" id="{3FBCC9DB-5EA2-4DCC-988B-2C7090FE6160}"/>
            </a:ext>
          </a:extLst>
        </xdr:cNvPr>
        <xdr:cNvSpPr/>
      </xdr:nvSpPr>
      <xdr:spPr>
        <a:xfrm>
          <a:off x="16388080" y="1039567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7" name="テキスト ボックス 606">
          <a:extLst>
            <a:ext uri="{FF2B5EF4-FFF2-40B4-BE49-F238E27FC236}">
              <a16:creationId xmlns:a16="http://schemas.microsoft.com/office/drawing/2014/main" id="{90A3FA1D-E15C-4A2C-B70D-D48FA1FA5E65}"/>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8" name="テキスト ボックス 607">
          <a:extLst>
            <a:ext uri="{FF2B5EF4-FFF2-40B4-BE49-F238E27FC236}">
              <a16:creationId xmlns:a16="http://schemas.microsoft.com/office/drawing/2014/main" id="{6015109C-C992-4E2A-818F-B0D876241497}"/>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9" name="テキスト ボックス 608">
          <a:extLst>
            <a:ext uri="{FF2B5EF4-FFF2-40B4-BE49-F238E27FC236}">
              <a16:creationId xmlns:a16="http://schemas.microsoft.com/office/drawing/2014/main" id="{E39E7868-1162-44A9-BAFA-61DC5C38BC90}"/>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0" name="テキスト ボックス 609">
          <a:extLst>
            <a:ext uri="{FF2B5EF4-FFF2-40B4-BE49-F238E27FC236}">
              <a16:creationId xmlns:a16="http://schemas.microsoft.com/office/drawing/2014/main" id="{60B3A48F-FB86-4121-B4D9-0D300D780EBF}"/>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1" name="テキスト ボックス 610">
          <a:extLst>
            <a:ext uri="{FF2B5EF4-FFF2-40B4-BE49-F238E27FC236}">
              <a16:creationId xmlns:a16="http://schemas.microsoft.com/office/drawing/2014/main" id="{630E97D0-CB45-48D3-9BA9-3EA82F932B84}"/>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2881</xdr:rowOff>
    </xdr:from>
    <xdr:to>
      <xdr:col>116</xdr:col>
      <xdr:colOff>114300</xdr:colOff>
      <xdr:row>61</xdr:row>
      <xdr:rowOff>114481</xdr:rowOff>
    </xdr:to>
    <xdr:sp macro="" textlink="">
      <xdr:nvSpPr>
        <xdr:cNvPr id="612" name="楕円 611">
          <a:extLst>
            <a:ext uri="{FF2B5EF4-FFF2-40B4-BE49-F238E27FC236}">
              <a16:creationId xmlns:a16="http://schemas.microsoft.com/office/drawing/2014/main" id="{8BB14BEB-1E75-497A-B108-BA30896F3449}"/>
            </a:ext>
          </a:extLst>
        </xdr:cNvPr>
        <xdr:cNvSpPr/>
      </xdr:nvSpPr>
      <xdr:spPr>
        <a:xfrm>
          <a:off x="19458940" y="10238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35758</xdr:rowOff>
    </xdr:from>
    <xdr:ext cx="469744" cy="259045"/>
    <xdr:sp macro="" textlink="">
      <xdr:nvSpPr>
        <xdr:cNvPr id="613" name="【保健センター・保健所】&#10;一人当たり面積該当値テキスト">
          <a:extLst>
            <a:ext uri="{FF2B5EF4-FFF2-40B4-BE49-F238E27FC236}">
              <a16:creationId xmlns:a16="http://schemas.microsoft.com/office/drawing/2014/main" id="{B3EE1E97-BBC4-460A-AD4D-383DD13CE5A3}"/>
            </a:ext>
          </a:extLst>
        </xdr:cNvPr>
        <xdr:cNvSpPr txBox="1"/>
      </xdr:nvSpPr>
      <xdr:spPr>
        <a:xfrm>
          <a:off x="19547840" y="10094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9413</xdr:rowOff>
    </xdr:from>
    <xdr:to>
      <xdr:col>112</xdr:col>
      <xdr:colOff>38100</xdr:colOff>
      <xdr:row>61</xdr:row>
      <xdr:rowOff>121013</xdr:rowOff>
    </xdr:to>
    <xdr:sp macro="" textlink="">
      <xdr:nvSpPr>
        <xdr:cNvPr id="614" name="楕円 613">
          <a:extLst>
            <a:ext uri="{FF2B5EF4-FFF2-40B4-BE49-F238E27FC236}">
              <a16:creationId xmlns:a16="http://schemas.microsoft.com/office/drawing/2014/main" id="{FD9533DA-669B-412D-8107-4B4DD5951F01}"/>
            </a:ext>
          </a:extLst>
        </xdr:cNvPr>
        <xdr:cNvSpPr/>
      </xdr:nvSpPr>
      <xdr:spPr>
        <a:xfrm>
          <a:off x="18735040" y="1024545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63681</xdr:rowOff>
    </xdr:from>
    <xdr:to>
      <xdr:col>116</xdr:col>
      <xdr:colOff>63500</xdr:colOff>
      <xdr:row>61</xdr:row>
      <xdr:rowOff>70213</xdr:rowOff>
    </xdr:to>
    <xdr:cxnSp macro="">
      <xdr:nvCxnSpPr>
        <xdr:cNvPr id="615" name="直線コネクタ 614">
          <a:extLst>
            <a:ext uri="{FF2B5EF4-FFF2-40B4-BE49-F238E27FC236}">
              <a16:creationId xmlns:a16="http://schemas.microsoft.com/office/drawing/2014/main" id="{B22161DD-2D9C-4225-8766-EB5F607BB589}"/>
            </a:ext>
          </a:extLst>
        </xdr:cNvPr>
        <xdr:cNvCxnSpPr/>
      </xdr:nvCxnSpPr>
      <xdr:spPr>
        <a:xfrm flipV="1">
          <a:off x="18778220" y="10289721"/>
          <a:ext cx="73152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29210</xdr:rowOff>
    </xdr:from>
    <xdr:to>
      <xdr:col>107</xdr:col>
      <xdr:colOff>101600</xdr:colOff>
      <xdr:row>61</xdr:row>
      <xdr:rowOff>130810</xdr:rowOff>
    </xdr:to>
    <xdr:sp macro="" textlink="">
      <xdr:nvSpPr>
        <xdr:cNvPr id="616" name="楕円 615">
          <a:extLst>
            <a:ext uri="{FF2B5EF4-FFF2-40B4-BE49-F238E27FC236}">
              <a16:creationId xmlns:a16="http://schemas.microsoft.com/office/drawing/2014/main" id="{BD5F40EF-1B6A-4658-867B-B3AE44C3B41A}"/>
            </a:ext>
          </a:extLst>
        </xdr:cNvPr>
        <xdr:cNvSpPr/>
      </xdr:nvSpPr>
      <xdr:spPr>
        <a:xfrm>
          <a:off x="17937480" y="1025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70213</xdr:rowOff>
    </xdr:from>
    <xdr:to>
      <xdr:col>111</xdr:col>
      <xdr:colOff>177800</xdr:colOff>
      <xdr:row>61</xdr:row>
      <xdr:rowOff>80010</xdr:rowOff>
    </xdr:to>
    <xdr:cxnSp macro="">
      <xdr:nvCxnSpPr>
        <xdr:cNvPr id="617" name="直線コネクタ 616">
          <a:extLst>
            <a:ext uri="{FF2B5EF4-FFF2-40B4-BE49-F238E27FC236}">
              <a16:creationId xmlns:a16="http://schemas.microsoft.com/office/drawing/2014/main" id="{B7F22DA5-C8CB-478E-B16E-172FFA68F388}"/>
            </a:ext>
          </a:extLst>
        </xdr:cNvPr>
        <xdr:cNvCxnSpPr/>
      </xdr:nvCxnSpPr>
      <xdr:spPr>
        <a:xfrm flipV="1">
          <a:off x="17988280" y="10296253"/>
          <a:ext cx="78994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39007</xdr:rowOff>
    </xdr:from>
    <xdr:to>
      <xdr:col>102</xdr:col>
      <xdr:colOff>165100</xdr:colOff>
      <xdr:row>61</xdr:row>
      <xdr:rowOff>140607</xdr:rowOff>
    </xdr:to>
    <xdr:sp macro="" textlink="">
      <xdr:nvSpPr>
        <xdr:cNvPr id="618" name="楕円 617">
          <a:extLst>
            <a:ext uri="{FF2B5EF4-FFF2-40B4-BE49-F238E27FC236}">
              <a16:creationId xmlns:a16="http://schemas.microsoft.com/office/drawing/2014/main" id="{E4008388-9E83-450F-859A-195B6D0E2404}"/>
            </a:ext>
          </a:extLst>
        </xdr:cNvPr>
        <xdr:cNvSpPr/>
      </xdr:nvSpPr>
      <xdr:spPr>
        <a:xfrm>
          <a:off x="17162780" y="10265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80010</xdr:rowOff>
    </xdr:from>
    <xdr:to>
      <xdr:col>107</xdr:col>
      <xdr:colOff>50800</xdr:colOff>
      <xdr:row>61</xdr:row>
      <xdr:rowOff>89807</xdr:rowOff>
    </xdr:to>
    <xdr:cxnSp macro="">
      <xdr:nvCxnSpPr>
        <xdr:cNvPr id="619" name="直線コネクタ 618">
          <a:extLst>
            <a:ext uri="{FF2B5EF4-FFF2-40B4-BE49-F238E27FC236}">
              <a16:creationId xmlns:a16="http://schemas.microsoft.com/office/drawing/2014/main" id="{61224E79-A57D-4C25-88B2-A6FA76AD0129}"/>
            </a:ext>
          </a:extLst>
        </xdr:cNvPr>
        <xdr:cNvCxnSpPr/>
      </xdr:nvCxnSpPr>
      <xdr:spPr>
        <a:xfrm flipV="1">
          <a:off x="17213580" y="10306050"/>
          <a:ext cx="7747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45538</xdr:rowOff>
    </xdr:from>
    <xdr:to>
      <xdr:col>98</xdr:col>
      <xdr:colOff>38100</xdr:colOff>
      <xdr:row>61</xdr:row>
      <xdr:rowOff>147138</xdr:rowOff>
    </xdr:to>
    <xdr:sp macro="" textlink="">
      <xdr:nvSpPr>
        <xdr:cNvPr id="620" name="楕円 619">
          <a:extLst>
            <a:ext uri="{FF2B5EF4-FFF2-40B4-BE49-F238E27FC236}">
              <a16:creationId xmlns:a16="http://schemas.microsoft.com/office/drawing/2014/main" id="{7234DB1B-3EEC-49BE-A848-7819C57432ED}"/>
            </a:ext>
          </a:extLst>
        </xdr:cNvPr>
        <xdr:cNvSpPr/>
      </xdr:nvSpPr>
      <xdr:spPr>
        <a:xfrm>
          <a:off x="16388080" y="1027157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89807</xdr:rowOff>
    </xdr:from>
    <xdr:to>
      <xdr:col>102</xdr:col>
      <xdr:colOff>114300</xdr:colOff>
      <xdr:row>61</xdr:row>
      <xdr:rowOff>96338</xdr:rowOff>
    </xdr:to>
    <xdr:cxnSp macro="">
      <xdr:nvCxnSpPr>
        <xdr:cNvPr id="621" name="直線コネクタ 620">
          <a:extLst>
            <a:ext uri="{FF2B5EF4-FFF2-40B4-BE49-F238E27FC236}">
              <a16:creationId xmlns:a16="http://schemas.microsoft.com/office/drawing/2014/main" id="{58DF43E9-68AD-4EEC-AC93-49F839FE4336}"/>
            </a:ext>
          </a:extLst>
        </xdr:cNvPr>
        <xdr:cNvCxnSpPr/>
      </xdr:nvCxnSpPr>
      <xdr:spPr>
        <a:xfrm flipV="1">
          <a:off x="16431260" y="10315847"/>
          <a:ext cx="78232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66024</xdr:rowOff>
    </xdr:from>
    <xdr:ext cx="469744" cy="259045"/>
    <xdr:sp macro="" textlink="">
      <xdr:nvSpPr>
        <xdr:cNvPr id="622" name="n_1aveValue【保健センター・保健所】&#10;一人当たり面積">
          <a:extLst>
            <a:ext uri="{FF2B5EF4-FFF2-40B4-BE49-F238E27FC236}">
              <a16:creationId xmlns:a16="http://schemas.microsoft.com/office/drawing/2014/main" id="{D627B8BD-CBB0-4BF7-B82E-255EC02F8C3F}"/>
            </a:ext>
          </a:extLst>
        </xdr:cNvPr>
        <xdr:cNvSpPr txBox="1"/>
      </xdr:nvSpPr>
      <xdr:spPr>
        <a:xfrm>
          <a:off x="18561127" y="10559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4371</xdr:rowOff>
    </xdr:from>
    <xdr:ext cx="469744" cy="259045"/>
    <xdr:sp macro="" textlink="">
      <xdr:nvSpPr>
        <xdr:cNvPr id="623" name="n_2aveValue【保健センター・保健所】&#10;一人当たり面積">
          <a:extLst>
            <a:ext uri="{FF2B5EF4-FFF2-40B4-BE49-F238E27FC236}">
              <a16:creationId xmlns:a16="http://schemas.microsoft.com/office/drawing/2014/main" id="{2E061A33-1214-499C-A0B0-16213014A588}"/>
            </a:ext>
          </a:extLst>
        </xdr:cNvPr>
        <xdr:cNvSpPr txBox="1"/>
      </xdr:nvSpPr>
      <xdr:spPr>
        <a:xfrm>
          <a:off x="17776267" y="10565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87647</xdr:rowOff>
    </xdr:from>
    <xdr:ext cx="469744" cy="259045"/>
    <xdr:sp macro="" textlink="">
      <xdr:nvSpPr>
        <xdr:cNvPr id="624" name="n_3aveValue【保健センター・保健所】&#10;一人当たり面積">
          <a:extLst>
            <a:ext uri="{FF2B5EF4-FFF2-40B4-BE49-F238E27FC236}">
              <a16:creationId xmlns:a16="http://schemas.microsoft.com/office/drawing/2014/main" id="{1BF83BF3-06E2-4CE8-99F5-E3040C1ADE37}"/>
            </a:ext>
          </a:extLst>
        </xdr:cNvPr>
        <xdr:cNvSpPr txBox="1"/>
      </xdr:nvSpPr>
      <xdr:spPr>
        <a:xfrm>
          <a:off x="17001567" y="1048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90912</xdr:rowOff>
    </xdr:from>
    <xdr:ext cx="469744" cy="259045"/>
    <xdr:sp macro="" textlink="">
      <xdr:nvSpPr>
        <xdr:cNvPr id="625" name="n_4aveValue【保健センター・保健所】&#10;一人当たり面積">
          <a:extLst>
            <a:ext uri="{FF2B5EF4-FFF2-40B4-BE49-F238E27FC236}">
              <a16:creationId xmlns:a16="http://schemas.microsoft.com/office/drawing/2014/main" id="{6FF8C72A-8243-4C88-A415-180EC064047F}"/>
            </a:ext>
          </a:extLst>
        </xdr:cNvPr>
        <xdr:cNvSpPr txBox="1"/>
      </xdr:nvSpPr>
      <xdr:spPr>
        <a:xfrm>
          <a:off x="16226867" y="10484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37540</xdr:rowOff>
    </xdr:from>
    <xdr:ext cx="469744" cy="259045"/>
    <xdr:sp macro="" textlink="">
      <xdr:nvSpPr>
        <xdr:cNvPr id="626" name="n_1mainValue【保健センター・保健所】&#10;一人当たり面積">
          <a:extLst>
            <a:ext uri="{FF2B5EF4-FFF2-40B4-BE49-F238E27FC236}">
              <a16:creationId xmlns:a16="http://schemas.microsoft.com/office/drawing/2014/main" id="{5A796722-8482-4A0A-9FED-73209E2585A2}"/>
            </a:ext>
          </a:extLst>
        </xdr:cNvPr>
        <xdr:cNvSpPr txBox="1"/>
      </xdr:nvSpPr>
      <xdr:spPr>
        <a:xfrm>
          <a:off x="18561127" y="10028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7337</xdr:rowOff>
    </xdr:from>
    <xdr:ext cx="469744" cy="259045"/>
    <xdr:sp macro="" textlink="">
      <xdr:nvSpPr>
        <xdr:cNvPr id="627" name="n_2mainValue【保健センター・保健所】&#10;一人当たり面積">
          <a:extLst>
            <a:ext uri="{FF2B5EF4-FFF2-40B4-BE49-F238E27FC236}">
              <a16:creationId xmlns:a16="http://schemas.microsoft.com/office/drawing/2014/main" id="{7B3F5318-898C-4D93-8755-0C08A40A71FE}"/>
            </a:ext>
          </a:extLst>
        </xdr:cNvPr>
        <xdr:cNvSpPr txBox="1"/>
      </xdr:nvSpPr>
      <xdr:spPr>
        <a:xfrm>
          <a:off x="17776267" y="10038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7134</xdr:rowOff>
    </xdr:from>
    <xdr:ext cx="469744" cy="259045"/>
    <xdr:sp macro="" textlink="">
      <xdr:nvSpPr>
        <xdr:cNvPr id="628" name="n_3mainValue【保健センター・保健所】&#10;一人当たり面積">
          <a:extLst>
            <a:ext uri="{FF2B5EF4-FFF2-40B4-BE49-F238E27FC236}">
              <a16:creationId xmlns:a16="http://schemas.microsoft.com/office/drawing/2014/main" id="{E1DE1E39-094A-44BB-A60D-C7115A98585E}"/>
            </a:ext>
          </a:extLst>
        </xdr:cNvPr>
        <xdr:cNvSpPr txBox="1"/>
      </xdr:nvSpPr>
      <xdr:spPr>
        <a:xfrm>
          <a:off x="17001567" y="10047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63665</xdr:rowOff>
    </xdr:from>
    <xdr:ext cx="469744" cy="259045"/>
    <xdr:sp macro="" textlink="">
      <xdr:nvSpPr>
        <xdr:cNvPr id="629" name="n_4mainValue【保健センター・保健所】&#10;一人当たり面積">
          <a:extLst>
            <a:ext uri="{FF2B5EF4-FFF2-40B4-BE49-F238E27FC236}">
              <a16:creationId xmlns:a16="http://schemas.microsoft.com/office/drawing/2014/main" id="{693430AA-BD93-4224-9B43-860475D17A0B}"/>
            </a:ext>
          </a:extLst>
        </xdr:cNvPr>
        <xdr:cNvSpPr txBox="1"/>
      </xdr:nvSpPr>
      <xdr:spPr>
        <a:xfrm>
          <a:off x="16226867" y="10054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30" name="正方形/長方形 629">
          <a:extLst>
            <a:ext uri="{FF2B5EF4-FFF2-40B4-BE49-F238E27FC236}">
              <a16:creationId xmlns:a16="http://schemas.microsoft.com/office/drawing/2014/main" id="{77C0326B-09D1-4F21-A896-5640ED2F51FF}"/>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31" name="正方形/長方形 630">
          <a:extLst>
            <a:ext uri="{FF2B5EF4-FFF2-40B4-BE49-F238E27FC236}">
              <a16:creationId xmlns:a16="http://schemas.microsoft.com/office/drawing/2014/main" id="{C0E8D4DC-8FEA-4A3F-9575-B4C424A9DEEC}"/>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32" name="正方形/長方形 631">
          <a:extLst>
            <a:ext uri="{FF2B5EF4-FFF2-40B4-BE49-F238E27FC236}">
              <a16:creationId xmlns:a16="http://schemas.microsoft.com/office/drawing/2014/main" id="{D388CEFC-244E-4284-8297-CE9D591319C1}"/>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3" name="正方形/長方形 632">
          <a:extLst>
            <a:ext uri="{FF2B5EF4-FFF2-40B4-BE49-F238E27FC236}">
              <a16:creationId xmlns:a16="http://schemas.microsoft.com/office/drawing/2014/main" id="{7D5C42D9-DEE9-4C0C-8D21-41BE0162F640}"/>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4" name="正方形/長方形 633">
          <a:extLst>
            <a:ext uri="{FF2B5EF4-FFF2-40B4-BE49-F238E27FC236}">
              <a16:creationId xmlns:a16="http://schemas.microsoft.com/office/drawing/2014/main" id="{43873CF4-B9A2-403D-A11E-CB21BBB023DC}"/>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5" name="正方形/長方形 634">
          <a:extLst>
            <a:ext uri="{FF2B5EF4-FFF2-40B4-BE49-F238E27FC236}">
              <a16:creationId xmlns:a16="http://schemas.microsoft.com/office/drawing/2014/main" id="{680CD64D-380B-4DDB-A11F-D2490C3A98B5}"/>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6" name="正方形/長方形 635">
          <a:extLst>
            <a:ext uri="{FF2B5EF4-FFF2-40B4-BE49-F238E27FC236}">
              <a16:creationId xmlns:a16="http://schemas.microsoft.com/office/drawing/2014/main" id="{76323335-9550-456A-A633-AF724F256A0A}"/>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7" name="正方形/長方形 636">
          <a:extLst>
            <a:ext uri="{FF2B5EF4-FFF2-40B4-BE49-F238E27FC236}">
              <a16:creationId xmlns:a16="http://schemas.microsoft.com/office/drawing/2014/main" id="{A7106012-A625-4C87-8052-C757725A9571}"/>
            </a:ext>
          </a:extLst>
        </xdr:cNvPr>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8" name="テキスト ボックス 637">
          <a:extLst>
            <a:ext uri="{FF2B5EF4-FFF2-40B4-BE49-F238E27FC236}">
              <a16:creationId xmlns:a16="http://schemas.microsoft.com/office/drawing/2014/main" id="{9DB244AF-0F25-4773-9E8C-4191EDB4326D}"/>
            </a:ext>
          </a:extLst>
        </xdr:cNvPr>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9" name="直線コネクタ 638">
          <a:extLst>
            <a:ext uri="{FF2B5EF4-FFF2-40B4-BE49-F238E27FC236}">
              <a16:creationId xmlns:a16="http://schemas.microsoft.com/office/drawing/2014/main" id="{4876E352-5DB4-4EBB-B5FE-1A2E637915FB}"/>
            </a:ext>
          </a:extLst>
        </xdr:cNvPr>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40" name="テキスト ボックス 639">
          <a:extLst>
            <a:ext uri="{FF2B5EF4-FFF2-40B4-BE49-F238E27FC236}">
              <a16:creationId xmlns:a16="http://schemas.microsoft.com/office/drawing/2014/main" id="{35287C85-A782-4B24-81B6-25D15F6C4953}"/>
            </a:ext>
          </a:extLst>
        </xdr:cNvPr>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41" name="直線コネクタ 640">
          <a:extLst>
            <a:ext uri="{FF2B5EF4-FFF2-40B4-BE49-F238E27FC236}">
              <a16:creationId xmlns:a16="http://schemas.microsoft.com/office/drawing/2014/main" id="{98E23E5E-3FC8-47E6-A691-E8DA0CE41332}"/>
            </a:ext>
          </a:extLst>
        </xdr:cNvPr>
        <xdr:cNvCxnSpPr/>
      </xdr:nvCxnSpPr>
      <xdr:spPr>
        <a:xfrm>
          <a:off x="10960100" y="145313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42" name="テキスト ボックス 641">
          <a:extLst>
            <a:ext uri="{FF2B5EF4-FFF2-40B4-BE49-F238E27FC236}">
              <a16:creationId xmlns:a16="http://schemas.microsoft.com/office/drawing/2014/main" id="{0B1B5388-7FF5-42AE-9CA5-64B5856FD756}"/>
            </a:ext>
          </a:extLst>
        </xdr:cNvPr>
        <xdr:cNvSpPr txBox="1"/>
      </xdr:nvSpPr>
      <xdr:spPr>
        <a:xfrm>
          <a:off x="105615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43" name="直線コネクタ 642">
          <a:extLst>
            <a:ext uri="{FF2B5EF4-FFF2-40B4-BE49-F238E27FC236}">
              <a16:creationId xmlns:a16="http://schemas.microsoft.com/office/drawing/2014/main" id="{0C46BA49-D84F-4718-B273-2009873A3033}"/>
            </a:ext>
          </a:extLst>
        </xdr:cNvPr>
        <xdr:cNvCxnSpPr/>
      </xdr:nvCxnSpPr>
      <xdr:spPr>
        <a:xfrm>
          <a:off x="10960100" y="14157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44" name="テキスト ボックス 643">
          <a:extLst>
            <a:ext uri="{FF2B5EF4-FFF2-40B4-BE49-F238E27FC236}">
              <a16:creationId xmlns:a16="http://schemas.microsoft.com/office/drawing/2014/main" id="{13CD7FD7-5E1A-47C9-8716-A7CC406FA914}"/>
            </a:ext>
          </a:extLst>
        </xdr:cNvPr>
        <xdr:cNvSpPr txBox="1"/>
      </xdr:nvSpPr>
      <xdr:spPr>
        <a:xfrm>
          <a:off x="1060276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5" name="直線コネクタ 644">
          <a:extLst>
            <a:ext uri="{FF2B5EF4-FFF2-40B4-BE49-F238E27FC236}">
              <a16:creationId xmlns:a16="http://schemas.microsoft.com/office/drawing/2014/main" id="{90873963-86C2-42AD-976B-B6F9EB24DFEE}"/>
            </a:ext>
          </a:extLst>
        </xdr:cNvPr>
        <xdr:cNvCxnSpPr/>
      </xdr:nvCxnSpPr>
      <xdr:spPr>
        <a:xfrm>
          <a:off x="10960100" y="137845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6" name="テキスト ボックス 645">
          <a:extLst>
            <a:ext uri="{FF2B5EF4-FFF2-40B4-BE49-F238E27FC236}">
              <a16:creationId xmlns:a16="http://schemas.microsoft.com/office/drawing/2014/main" id="{99852107-AE56-46BB-81EF-BA77306FBC9E}"/>
            </a:ext>
          </a:extLst>
        </xdr:cNvPr>
        <xdr:cNvSpPr txBox="1"/>
      </xdr:nvSpPr>
      <xdr:spPr>
        <a:xfrm>
          <a:off x="1060276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7" name="直線コネクタ 646">
          <a:extLst>
            <a:ext uri="{FF2B5EF4-FFF2-40B4-BE49-F238E27FC236}">
              <a16:creationId xmlns:a16="http://schemas.microsoft.com/office/drawing/2014/main" id="{DA311ECA-19D9-4DAE-9AD3-93F31491EDEF}"/>
            </a:ext>
          </a:extLst>
        </xdr:cNvPr>
        <xdr:cNvCxnSpPr/>
      </xdr:nvCxnSpPr>
      <xdr:spPr>
        <a:xfrm>
          <a:off x="10960100" y="13411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8" name="テキスト ボックス 647">
          <a:extLst>
            <a:ext uri="{FF2B5EF4-FFF2-40B4-BE49-F238E27FC236}">
              <a16:creationId xmlns:a16="http://schemas.microsoft.com/office/drawing/2014/main" id="{4EABFF24-1BA3-4452-ACE5-DFDB3A458F06}"/>
            </a:ext>
          </a:extLst>
        </xdr:cNvPr>
        <xdr:cNvSpPr txBox="1"/>
      </xdr:nvSpPr>
      <xdr:spPr>
        <a:xfrm>
          <a:off x="1060276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9" name="直線コネクタ 648">
          <a:extLst>
            <a:ext uri="{FF2B5EF4-FFF2-40B4-BE49-F238E27FC236}">
              <a16:creationId xmlns:a16="http://schemas.microsoft.com/office/drawing/2014/main" id="{B787F70C-3083-42E4-A3CC-B27B5A3DDDF8}"/>
            </a:ext>
          </a:extLst>
        </xdr:cNvPr>
        <xdr:cNvCxnSpPr/>
      </xdr:nvCxnSpPr>
      <xdr:spPr>
        <a:xfrm>
          <a:off x="10960100" y="130416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50" name="テキスト ボックス 649">
          <a:extLst>
            <a:ext uri="{FF2B5EF4-FFF2-40B4-BE49-F238E27FC236}">
              <a16:creationId xmlns:a16="http://schemas.microsoft.com/office/drawing/2014/main" id="{DC8954C3-C043-4622-B91A-76BBB02EBF5D}"/>
            </a:ext>
          </a:extLst>
        </xdr:cNvPr>
        <xdr:cNvSpPr txBox="1"/>
      </xdr:nvSpPr>
      <xdr:spPr>
        <a:xfrm>
          <a:off x="1060276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51" name="直線コネクタ 650">
          <a:extLst>
            <a:ext uri="{FF2B5EF4-FFF2-40B4-BE49-F238E27FC236}">
              <a16:creationId xmlns:a16="http://schemas.microsoft.com/office/drawing/2014/main" id="{2D2E6A6D-BC48-4581-93AD-6018244358ED}"/>
            </a:ext>
          </a:extLst>
        </xdr:cNvPr>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52" name="テキスト ボックス 651">
          <a:extLst>
            <a:ext uri="{FF2B5EF4-FFF2-40B4-BE49-F238E27FC236}">
              <a16:creationId xmlns:a16="http://schemas.microsoft.com/office/drawing/2014/main" id="{56A7EFDF-62DD-40CE-9FE4-24DAAF95FBDE}"/>
            </a:ext>
          </a:extLst>
        </xdr:cNvPr>
        <xdr:cNvSpPr txBox="1"/>
      </xdr:nvSpPr>
      <xdr:spPr>
        <a:xfrm>
          <a:off x="10666881" y="125298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53" name="【消防施設】&#10;有形固定資産減価償却率グラフ枠">
          <a:extLst>
            <a:ext uri="{FF2B5EF4-FFF2-40B4-BE49-F238E27FC236}">
              <a16:creationId xmlns:a16="http://schemas.microsoft.com/office/drawing/2014/main" id="{16FB45FA-5EE2-4541-A157-164D5E248409}"/>
            </a:ext>
          </a:extLst>
        </xdr:cNvPr>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34289</xdr:rowOff>
    </xdr:from>
    <xdr:to>
      <xdr:col>85</xdr:col>
      <xdr:colOff>126364</xdr:colOff>
      <xdr:row>85</xdr:row>
      <xdr:rowOff>169545</xdr:rowOff>
    </xdr:to>
    <xdr:cxnSp macro="">
      <xdr:nvCxnSpPr>
        <xdr:cNvPr id="654" name="直線コネクタ 653">
          <a:extLst>
            <a:ext uri="{FF2B5EF4-FFF2-40B4-BE49-F238E27FC236}">
              <a16:creationId xmlns:a16="http://schemas.microsoft.com/office/drawing/2014/main" id="{DA5B91B5-3B52-470C-AE07-B6BEF21A9A07}"/>
            </a:ext>
          </a:extLst>
        </xdr:cNvPr>
        <xdr:cNvCxnSpPr/>
      </xdr:nvCxnSpPr>
      <xdr:spPr>
        <a:xfrm flipV="1">
          <a:off x="14375764" y="12942569"/>
          <a:ext cx="0" cy="1476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922</xdr:rowOff>
    </xdr:from>
    <xdr:ext cx="405111" cy="259045"/>
    <xdr:sp macro="" textlink="">
      <xdr:nvSpPr>
        <xdr:cNvPr id="655" name="【消防施設】&#10;有形固定資産減価償却率最小値テキスト">
          <a:extLst>
            <a:ext uri="{FF2B5EF4-FFF2-40B4-BE49-F238E27FC236}">
              <a16:creationId xmlns:a16="http://schemas.microsoft.com/office/drawing/2014/main" id="{BC3D9A38-B1DC-4524-8565-195B621B70B5}"/>
            </a:ext>
          </a:extLst>
        </xdr:cNvPr>
        <xdr:cNvSpPr txBox="1"/>
      </xdr:nvSpPr>
      <xdr:spPr>
        <a:xfrm>
          <a:off x="14414500" y="14418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69545</xdr:rowOff>
    </xdr:from>
    <xdr:to>
      <xdr:col>86</xdr:col>
      <xdr:colOff>25400</xdr:colOff>
      <xdr:row>85</xdr:row>
      <xdr:rowOff>169545</xdr:rowOff>
    </xdr:to>
    <xdr:cxnSp macro="">
      <xdr:nvCxnSpPr>
        <xdr:cNvPr id="656" name="直線コネクタ 655">
          <a:extLst>
            <a:ext uri="{FF2B5EF4-FFF2-40B4-BE49-F238E27FC236}">
              <a16:creationId xmlns:a16="http://schemas.microsoft.com/office/drawing/2014/main" id="{B179ED0E-F274-4155-9D0C-1D0C1FA4D5AA}"/>
            </a:ext>
          </a:extLst>
        </xdr:cNvPr>
        <xdr:cNvCxnSpPr/>
      </xdr:nvCxnSpPr>
      <xdr:spPr>
        <a:xfrm>
          <a:off x="14287500" y="144189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52416</xdr:rowOff>
    </xdr:from>
    <xdr:ext cx="405111" cy="259045"/>
    <xdr:sp macro="" textlink="">
      <xdr:nvSpPr>
        <xdr:cNvPr id="657" name="【消防施設】&#10;有形固定資産減価償却率最大値テキスト">
          <a:extLst>
            <a:ext uri="{FF2B5EF4-FFF2-40B4-BE49-F238E27FC236}">
              <a16:creationId xmlns:a16="http://schemas.microsoft.com/office/drawing/2014/main" id="{CCECD29C-DE31-4908-8A9D-5BEE2F7A0295}"/>
            </a:ext>
          </a:extLst>
        </xdr:cNvPr>
        <xdr:cNvSpPr txBox="1"/>
      </xdr:nvSpPr>
      <xdr:spPr>
        <a:xfrm>
          <a:off x="14414500" y="12725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34289</xdr:rowOff>
    </xdr:from>
    <xdr:to>
      <xdr:col>86</xdr:col>
      <xdr:colOff>25400</xdr:colOff>
      <xdr:row>77</xdr:row>
      <xdr:rowOff>34289</xdr:rowOff>
    </xdr:to>
    <xdr:cxnSp macro="">
      <xdr:nvCxnSpPr>
        <xdr:cNvPr id="658" name="直線コネクタ 657">
          <a:extLst>
            <a:ext uri="{FF2B5EF4-FFF2-40B4-BE49-F238E27FC236}">
              <a16:creationId xmlns:a16="http://schemas.microsoft.com/office/drawing/2014/main" id="{2DEBF6E2-C592-47D1-AC8B-403C65713CFC}"/>
            </a:ext>
          </a:extLst>
        </xdr:cNvPr>
        <xdr:cNvCxnSpPr/>
      </xdr:nvCxnSpPr>
      <xdr:spPr>
        <a:xfrm>
          <a:off x="14287500" y="129425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2557</xdr:rowOff>
    </xdr:from>
    <xdr:ext cx="405111" cy="259045"/>
    <xdr:sp macro="" textlink="">
      <xdr:nvSpPr>
        <xdr:cNvPr id="659" name="【消防施設】&#10;有形固定資産減価償却率平均値テキスト">
          <a:extLst>
            <a:ext uri="{FF2B5EF4-FFF2-40B4-BE49-F238E27FC236}">
              <a16:creationId xmlns:a16="http://schemas.microsoft.com/office/drawing/2014/main" id="{63CBA605-DC7B-46A0-97A1-35D6ACB4EBF0}"/>
            </a:ext>
          </a:extLst>
        </xdr:cNvPr>
        <xdr:cNvSpPr txBox="1"/>
      </xdr:nvSpPr>
      <xdr:spPr>
        <a:xfrm>
          <a:off x="14414500" y="13581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51130</xdr:rowOff>
    </xdr:from>
    <xdr:to>
      <xdr:col>85</xdr:col>
      <xdr:colOff>177800</xdr:colOff>
      <xdr:row>82</xdr:row>
      <xdr:rowOff>81280</xdr:rowOff>
    </xdr:to>
    <xdr:sp macro="" textlink="">
      <xdr:nvSpPr>
        <xdr:cNvPr id="660" name="フローチャート: 判断 659">
          <a:extLst>
            <a:ext uri="{FF2B5EF4-FFF2-40B4-BE49-F238E27FC236}">
              <a16:creationId xmlns:a16="http://schemas.microsoft.com/office/drawing/2014/main" id="{BC1F6D5B-B83D-453F-BBD8-6598FD5CD98D}"/>
            </a:ext>
          </a:extLst>
        </xdr:cNvPr>
        <xdr:cNvSpPr/>
      </xdr:nvSpPr>
      <xdr:spPr>
        <a:xfrm>
          <a:off x="14325600" y="1372997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3986</xdr:rowOff>
    </xdr:from>
    <xdr:to>
      <xdr:col>81</xdr:col>
      <xdr:colOff>101600</xdr:colOff>
      <xdr:row>82</xdr:row>
      <xdr:rowOff>64136</xdr:rowOff>
    </xdr:to>
    <xdr:sp macro="" textlink="">
      <xdr:nvSpPr>
        <xdr:cNvPr id="661" name="フローチャート: 判断 660">
          <a:extLst>
            <a:ext uri="{FF2B5EF4-FFF2-40B4-BE49-F238E27FC236}">
              <a16:creationId xmlns:a16="http://schemas.microsoft.com/office/drawing/2014/main" id="{5B6E9B6B-C1FF-430B-9F8F-35A88736EA4C}"/>
            </a:ext>
          </a:extLst>
        </xdr:cNvPr>
        <xdr:cNvSpPr/>
      </xdr:nvSpPr>
      <xdr:spPr>
        <a:xfrm>
          <a:off x="13578840" y="137128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5880</xdr:rowOff>
    </xdr:from>
    <xdr:to>
      <xdr:col>76</xdr:col>
      <xdr:colOff>165100</xdr:colOff>
      <xdr:row>81</xdr:row>
      <xdr:rowOff>157480</xdr:rowOff>
    </xdr:to>
    <xdr:sp macro="" textlink="">
      <xdr:nvSpPr>
        <xdr:cNvPr id="662" name="フローチャート: 判断 661">
          <a:extLst>
            <a:ext uri="{FF2B5EF4-FFF2-40B4-BE49-F238E27FC236}">
              <a16:creationId xmlns:a16="http://schemas.microsoft.com/office/drawing/2014/main" id="{914851EF-2B54-4835-AD01-C6624C1E04B1}"/>
            </a:ext>
          </a:extLst>
        </xdr:cNvPr>
        <xdr:cNvSpPr/>
      </xdr:nvSpPr>
      <xdr:spPr>
        <a:xfrm>
          <a:off x="12804140" y="1363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09220</xdr:rowOff>
    </xdr:from>
    <xdr:to>
      <xdr:col>72</xdr:col>
      <xdr:colOff>38100</xdr:colOff>
      <xdr:row>82</xdr:row>
      <xdr:rowOff>39370</xdr:rowOff>
    </xdr:to>
    <xdr:sp macro="" textlink="">
      <xdr:nvSpPr>
        <xdr:cNvPr id="663" name="フローチャート: 判断 662">
          <a:extLst>
            <a:ext uri="{FF2B5EF4-FFF2-40B4-BE49-F238E27FC236}">
              <a16:creationId xmlns:a16="http://schemas.microsoft.com/office/drawing/2014/main" id="{79FAA60F-25C9-4B96-9765-F6980968C3B6}"/>
            </a:ext>
          </a:extLst>
        </xdr:cNvPr>
        <xdr:cNvSpPr/>
      </xdr:nvSpPr>
      <xdr:spPr>
        <a:xfrm>
          <a:off x="12029440" y="1368806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6355</xdr:rowOff>
    </xdr:from>
    <xdr:to>
      <xdr:col>67</xdr:col>
      <xdr:colOff>101600</xdr:colOff>
      <xdr:row>81</xdr:row>
      <xdr:rowOff>147955</xdr:rowOff>
    </xdr:to>
    <xdr:sp macro="" textlink="">
      <xdr:nvSpPr>
        <xdr:cNvPr id="664" name="フローチャート: 判断 663">
          <a:extLst>
            <a:ext uri="{FF2B5EF4-FFF2-40B4-BE49-F238E27FC236}">
              <a16:creationId xmlns:a16="http://schemas.microsoft.com/office/drawing/2014/main" id="{5BF356A0-6E17-457B-BDED-8814A5DF8C8E}"/>
            </a:ext>
          </a:extLst>
        </xdr:cNvPr>
        <xdr:cNvSpPr/>
      </xdr:nvSpPr>
      <xdr:spPr>
        <a:xfrm>
          <a:off x="11231880" y="1362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5" name="テキスト ボックス 664">
          <a:extLst>
            <a:ext uri="{FF2B5EF4-FFF2-40B4-BE49-F238E27FC236}">
              <a16:creationId xmlns:a16="http://schemas.microsoft.com/office/drawing/2014/main" id="{6AA9B5F9-2C61-4438-B600-B027920A0357}"/>
            </a:ext>
          </a:extLst>
        </xdr:cNvPr>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6" name="テキスト ボックス 665">
          <a:extLst>
            <a:ext uri="{FF2B5EF4-FFF2-40B4-BE49-F238E27FC236}">
              <a16:creationId xmlns:a16="http://schemas.microsoft.com/office/drawing/2014/main" id="{C31ED705-399C-4AEA-B306-ADF294F2319C}"/>
            </a:ext>
          </a:extLst>
        </xdr:cNvPr>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7" name="テキスト ボックス 666">
          <a:extLst>
            <a:ext uri="{FF2B5EF4-FFF2-40B4-BE49-F238E27FC236}">
              <a16:creationId xmlns:a16="http://schemas.microsoft.com/office/drawing/2014/main" id="{A06A6F78-C36C-4D68-9D20-C5E6794E0006}"/>
            </a:ext>
          </a:extLst>
        </xdr:cNvPr>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8" name="テキスト ボックス 667">
          <a:extLst>
            <a:ext uri="{FF2B5EF4-FFF2-40B4-BE49-F238E27FC236}">
              <a16:creationId xmlns:a16="http://schemas.microsoft.com/office/drawing/2014/main" id="{A6FAA6B0-E7FF-45F5-85B0-E0A12C72BDF0}"/>
            </a:ext>
          </a:extLst>
        </xdr:cNvPr>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9" name="テキスト ボックス 668">
          <a:extLst>
            <a:ext uri="{FF2B5EF4-FFF2-40B4-BE49-F238E27FC236}">
              <a16:creationId xmlns:a16="http://schemas.microsoft.com/office/drawing/2014/main" id="{AB2F15C5-8C16-4C84-ACE2-E217EC6BD4C2}"/>
            </a:ext>
          </a:extLst>
        </xdr:cNvPr>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05411</xdr:rowOff>
    </xdr:from>
    <xdr:to>
      <xdr:col>85</xdr:col>
      <xdr:colOff>177800</xdr:colOff>
      <xdr:row>83</xdr:row>
      <xdr:rowOff>35561</xdr:rowOff>
    </xdr:to>
    <xdr:sp macro="" textlink="">
      <xdr:nvSpPr>
        <xdr:cNvPr id="670" name="楕円 669">
          <a:extLst>
            <a:ext uri="{FF2B5EF4-FFF2-40B4-BE49-F238E27FC236}">
              <a16:creationId xmlns:a16="http://schemas.microsoft.com/office/drawing/2014/main" id="{6E9F4AF0-8CFE-498B-8DB0-B921A60CF859}"/>
            </a:ext>
          </a:extLst>
        </xdr:cNvPr>
        <xdr:cNvSpPr/>
      </xdr:nvSpPr>
      <xdr:spPr>
        <a:xfrm>
          <a:off x="14325600" y="13851891"/>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83838</xdr:rowOff>
    </xdr:from>
    <xdr:ext cx="405111" cy="259045"/>
    <xdr:sp macro="" textlink="">
      <xdr:nvSpPr>
        <xdr:cNvPr id="671" name="【消防施設】&#10;有形固定資産減価償却率該当値テキスト">
          <a:extLst>
            <a:ext uri="{FF2B5EF4-FFF2-40B4-BE49-F238E27FC236}">
              <a16:creationId xmlns:a16="http://schemas.microsoft.com/office/drawing/2014/main" id="{F1A3A4A6-86E3-450A-8ED8-2AA964FFB362}"/>
            </a:ext>
          </a:extLst>
        </xdr:cNvPr>
        <xdr:cNvSpPr txBox="1"/>
      </xdr:nvSpPr>
      <xdr:spPr>
        <a:xfrm>
          <a:off x="14414500" y="13830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636</xdr:rowOff>
    </xdr:from>
    <xdr:to>
      <xdr:col>81</xdr:col>
      <xdr:colOff>101600</xdr:colOff>
      <xdr:row>83</xdr:row>
      <xdr:rowOff>102236</xdr:rowOff>
    </xdr:to>
    <xdr:sp macro="" textlink="">
      <xdr:nvSpPr>
        <xdr:cNvPr id="672" name="楕円 671">
          <a:extLst>
            <a:ext uri="{FF2B5EF4-FFF2-40B4-BE49-F238E27FC236}">
              <a16:creationId xmlns:a16="http://schemas.microsoft.com/office/drawing/2014/main" id="{F31B20F4-5743-4603-8704-CBF6B221CA55}"/>
            </a:ext>
          </a:extLst>
        </xdr:cNvPr>
        <xdr:cNvSpPr/>
      </xdr:nvSpPr>
      <xdr:spPr>
        <a:xfrm>
          <a:off x="13578840" y="13914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156211</xdr:rowOff>
    </xdr:from>
    <xdr:to>
      <xdr:col>85</xdr:col>
      <xdr:colOff>127000</xdr:colOff>
      <xdr:row>83</xdr:row>
      <xdr:rowOff>51436</xdr:rowOff>
    </xdr:to>
    <xdr:cxnSp macro="">
      <xdr:nvCxnSpPr>
        <xdr:cNvPr id="673" name="直線コネクタ 672">
          <a:extLst>
            <a:ext uri="{FF2B5EF4-FFF2-40B4-BE49-F238E27FC236}">
              <a16:creationId xmlns:a16="http://schemas.microsoft.com/office/drawing/2014/main" id="{C32804BA-EBA7-43AF-B434-B81E0B4750D1}"/>
            </a:ext>
          </a:extLst>
        </xdr:cNvPr>
        <xdr:cNvCxnSpPr/>
      </xdr:nvCxnSpPr>
      <xdr:spPr>
        <a:xfrm flipV="1">
          <a:off x="13629640" y="13902691"/>
          <a:ext cx="746760" cy="62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69214</xdr:rowOff>
    </xdr:from>
    <xdr:to>
      <xdr:col>76</xdr:col>
      <xdr:colOff>165100</xdr:colOff>
      <xdr:row>82</xdr:row>
      <xdr:rowOff>170814</xdr:rowOff>
    </xdr:to>
    <xdr:sp macro="" textlink="">
      <xdr:nvSpPr>
        <xdr:cNvPr id="674" name="楕円 673">
          <a:extLst>
            <a:ext uri="{FF2B5EF4-FFF2-40B4-BE49-F238E27FC236}">
              <a16:creationId xmlns:a16="http://schemas.microsoft.com/office/drawing/2014/main" id="{DC277C8A-6D99-436C-915F-435E5AC0941B}"/>
            </a:ext>
          </a:extLst>
        </xdr:cNvPr>
        <xdr:cNvSpPr/>
      </xdr:nvSpPr>
      <xdr:spPr>
        <a:xfrm>
          <a:off x="12804140" y="13815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20014</xdr:rowOff>
    </xdr:from>
    <xdr:to>
      <xdr:col>81</xdr:col>
      <xdr:colOff>50800</xdr:colOff>
      <xdr:row>83</xdr:row>
      <xdr:rowOff>51436</xdr:rowOff>
    </xdr:to>
    <xdr:cxnSp macro="">
      <xdr:nvCxnSpPr>
        <xdr:cNvPr id="675" name="直線コネクタ 674">
          <a:extLst>
            <a:ext uri="{FF2B5EF4-FFF2-40B4-BE49-F238E27FC236}">
              <a16:creationId xmlns:a16="http://schemas.microsoft.com/office/drawing/2014/main" id="{953BD68F-5BCD-4D9D-AC5B-DA812DF71E61}"/>
            </a:ext>
          </a:extLst>
        </xdr:cNvPr>
        <xdr:cNvCxnSpPr/>
      </xdr:nvCxnSpPr>
      <xdr:spPr>
        <a:xfrm>
          <a:off x="12854940" y="13866494"/>
          <a:ext cx="774700" cy="99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37795</xdr:rowOff>
    </xdr:from>
    <xdr:to>
      <xdr:col>72</xdr:col>
      <xdr:colOff>38100</xdr:colOff>
      <xdr:row>82</xdr:row>
      <xdr:rowOff>67945</xdr:rowOff>
    </xdr:to>
    <xdr:sp macro="" textlink="">
      <xdr:nvSpPr>
        <xdr:cNvPr id="676" name="楕円 675">
          <a:extLst>
            <a:ext uri="{FF2B5EF4-FFF2-40B4-BE49-F238E27FC236}">
              <a16:creationId xmlns:a16="http://schemas.microsoft.com/office/drawing/2014/main" id="{B9E1BD3A-92B5-4BCE-A830-9C76F0DF4B2B}"/>
            </a:ext>
          </a:extLst>
        </xdr:cNvPr>
        <xdr:cNvSpPr/>
      </xdr:nvSpPr>
      <xdr:spPr>
        <a:xfrm>
          <a:off x="12029440" y="1371663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7145</xdr:rowOff>
    </xdr:from>
    <xdr:to>
      <xdr:col>76</xdr:col>
      <xdr:colOff>114300</xdr:colOff>
      <xdr:row>82</xdr:row>
      <xdr:rowOff>120014</xdr:rowOff>
    </xdr:to>
    <xdr:cxnSp macro="">
      <xdr:nvCxnSpPr>
        <xdr:cNvPr id="677" name="直線コネクタ 676">
          <a:extLst>
            <a:ext uri="{FF2B5EF4-FFF2-40B4-BE49-F238E27FC236}">
              <a16:creationId xmlns:a16="http://schemas.microsoft.com/office/drawing/2014/main" id="{95E99B76-AC42-4FD1-9F23-296CFFCCDBA8}"/>
            </a:ext>
          </a:extLst>
        </xdr:cNvPr>
        <xdr:cNvCxnSpPr/>
      </xdr:nvCxnSpPr>
      <xdr:spPr>
        <a:xfrm>
          <a:off x="12072620" y="13763625"/>
          <a:ext cx="782320" cy="102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34925</xdr:rowOff>
    </xdr:from>
    <xdr:to>
      <xdr:col>67</xdr:col>
      <xdr:colOff>101600</xdr:colOff>
      <xdr:row>81</xdr:row>
      <xdr:rowOff>136525</xdr:rowOff>
    </xdr:to>
    <xdr:sp macro="" textlink="">
      <xdr:nvSpPr>
        <xdr:cNvPr id="678" name="楕円 677">
          <a:extLst>
            <a:ext uri="{FF2B5EF4-FFF2-40B4-BE49-F238E27FC236}">
              <a16:creationId xmlns:a16="http://schemas.microsoft.com/office/drawing/2014/main" id="{7F3052A4-6D96-4262-8082-ADD2B49EF02C}"/>
            </a:ext>
          </a:extLst>
        </xdr:cNvPr>
        <xdr:cNvSpPr/>
      </xdr:nvSpPr>
      <xdr:spPr>
        <a:xfrm>
          <a:off x="11231880" y="1361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85725</xdr:rowOff>
    </xdr:from>
    <xdr:to>
      <xdr:col>71</xdr:col>
      <xdr:colOff>177800</xdr:colOff>
      <xdr:row>82</xdr:row>
      <xdr:rowOff>17145</xdr:rowOff>
    </xdr:to>
    <xdr:cxnSp macro="">
      <xdr:nvCxnSpPr>
        <xdr:cNvPr id="679" name="直線コネクタ 678">
          <a:extLst>
            <a:ext uri="{FF2B5EF4-FFF2-40B4-BE49-F238E27FC236}">
              <a16:creationId xmlns:a16="http://schemas.microsoft.com/office/drawing/2014/main" id="{F1A1F591-E426-4AEE-9DB5-B712EA340B0E}"/>
            </a:ext>
          </a:extLst>
        </xdr:cNvPr>
        <xdr:cNvCxnSpPr/>
      </xdr:nvCxnSpPr>
      <xdr:spPr>
        <a:xfrm>
          <a:off x="11282680" y="13664565"/>
          <a:ext cx="78994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80663</xdr:rowOff>
    </xdr:from>
    <xdr:ext cx="405111" cy="259045"/>
    <xdr:sp macro="" textlink="">
      <xdr:nvSpPr>
        <xdr:cNvPr id="680" name="n_1aveValue【消防施設】&#10;有形固定資産減価償却率">
          <a:extLst>
            <a:ext uri="{FF2B5EF4-FFF2-40B4-BE49-F238E27FC236}">
              <a16:creationId xmlns:a16="http://schemas.microsoft.com/office/drawing/2014/main" id="{9CB45DDF-D136-4D3E-B176-33BC534B1D75}"/>
            </a:ext>
          </a:extLst>
        </xdr:cNvPr>
        <xdr:cNvSpPr txBox="1"/>
      </xdr:nvSpPr>
      <xdr:spPr>
        <a:xfrm>
          <a:off x="13437244" y="1349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2557</xdr:rowOff>
    </xdr:from>
    <xdr:ext cx="405111" cy="259045"/>
    <xdr:sp macro="" textlink="">
      <xdr:nvSpPr>
        <xdr:cNvPr id="681" name="n_2aveValue【消防施設】&#10;有形固定資産減価償却率">
          <a:extLst>
            <a:ext uri="{FF2B5EF4-FFF2-40B4-BE49-F238E27FC236}">
              <a16:creationId xmlns:a16="http://schemas.microsoft.com/office/drawing/2014/main" id="{DF08B399-B11E-4CA6-AE92-A8A76ABA82DF}"/>
            </a:ext>
          </a:extLst>
        </xdr:cNvPr>
        <xdr:cNvSpPr txBox="1"/>
      </xdr:nvSpPr>
      <xdr:spPr>
        <a:xfrm>
          <a:off x="12675244" y="1341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55897</xdr:rowOff>
    </xdr:from>
    <xdr:ext cx="405111" cy="259045"/>
    <xdr:sp macro="" textlink="">
      <xdr:nvSpPr>
        <xdr:cNvPr id="682" name="n_3aveValue【消防施設】&#10;有形固定資産減価償却率">
          <a:extLst>
            <a:ext uri="{FF2B5EF4-FFF2-40B4-BE49-F238E27FC236}">
              <a16:creationId xmlns:a16="http://schemas.microsoft.com/office/drawing/2014/main" id="{3CF988F1-6DAE-4227-803D-25AADA40C8C4}"/>
            </a:ext>
          </a:extLst>
        </xdr:cNvPr>
        <xdr:cNvSpPr txBox="1"/>
      </xdr:nvSpPr>
      <xdr:spPr>
        <a:xfrm>
          <a:off x="11900544" y="1346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39082</xdr:rowOff>
    </xdr:from>
    <xdr:ext cx="405111" cy="259045"/>
    <xdr:sp macro="" textlink="">
      <xdr:nvSpPr>
        <xdr:cNvPr id="683" name="n_4aveValue【消防施設】&#10;有形固定資産減価償却率">
          <a:extLst>
            <a:ext uri="{FF2B5EF4-FFF2-40B4-BE49-F238E27FC236}">
              <a16:creationId xmlns:a16="http://schemas.microsoft.com/office/drawing/2014/main" id="{0A32F493-72B1-4502-83AA-CF5F1E9E5733}"/>
            </a:ext>
          </a:extLst>
        </xdr:cNvPr>
        <xdr:cNvSpPr txBox="1"/>
      </xdr:nvSpPr>
      <xdr:spPr>
        <a:xfrm>
          <a:off x="11102984" y="13717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93363</xdr:rowOff>
    </xdr:from>
    <xdr:ext cx="405111" cy="259045"/>
    <xdr:sp macro="" textlink="">
      <xdr:nvSpPr>
        <xdr:cNvPr id="684" name="n_1mainValue【消防施設】&#10;有形固定資産減価償却率">
          <a:extLst>
            <a:ext uri="{FF2B5EF4-FFF2-40B4-BE49-F238E27FC236}">
              <a16:creationId xmlns:a16="http://schemas.microsoft.com/office/drawing/2014/main" id="{D82343F1-E4F6-4EDF-A1E7-3AE6A8500283}"/>
            </a:ext>
          </a:extLst>
        </xdr:cNvPr>
        <xdr:cNvSpPr txBox="1"/>
      </xdr:nvSpPr>
      <xdr:spPr>
        <a:xfrm>
          <a:off x="13437244" y="14007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61941</xdr:rowOff>
    </xdr:from>
    <xdr:ext cx="405111" cy="259045"/>
    <xdr:sp macro="" textlink="">
      <xdr:nvSpPr>
        <xdr:cNvPr id="685" name="n_2mainValue【消防施設】&#10;有形固定資産減価償却率">
          <a:extLst>
            <a:ext uri="{FF2B5EF4-FFF2-40B4-BE49-F238E27FC236}">
              <a16:creationId xmlns:a16="http://schemas.microsoft.com/office/drawing/2014/main" id="{FEF8C311-5FD3-44EA-9161-75C7B3CBFFD2}"/>
            </a:ext>
          </a:extLst>
        </xdr:cNvPr>
        <xdr:cNvSpPr txBox="1"/>
      </xdr:nvSpPr>
      <xdr:spPr>
        <a:xfrm>
          <a:off x="12675244" y="13908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59072</xdr:rowOff>
    </xdr:from>
    <xdr:ext cx="405111" cy="259045"/>
    <xdr:sp macro="" textlink="">
      <xdr:nvSpPr>
        <xdr:cNvPr id="686" name="n_3mainValue【消防施設】&#10;有形固定資産減価償却率">
          <a:extLst>
            <a:ext uri="{FF2B5EF4-FFF2-40B4-BE49-F238E27FC236}">
              <a16:creationId xmlns:a16="http://schemas.microsoft.com/office/drawing/2014/main" id="{28EC99ED-49DA-4F0D-8896-83733938B948}"/>
            </a:ext>
          </a:extLst>
        </xdr:cNvPr>
        <xdr:cNvSpPr txBox="1"/>
      </xdr:nvSpPr>
      <xdr:spPr>
        <a:xfrm>
          <a:off x="11900544" y="13805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53052</xdr:rowOff>
    </xdr:from>
    <xdr:ext cx="405111" cy="259045"/>
    <xdr:sp macro="" textlink="">
      <xdr:nvSpPr>
        <xdr:cNvPr id="687" name="n_4mainValue【消防施設】&#10;有形固定資産減価償却率">
          <a:extLst>
            <a:ext uri="{FF2B5EF4-FFF2-40B4-BE49-F238E27FC236}">
              <a16:creationId xmlns:a16="http://schemas.microsoft.com/office/drawing/2014/main" id="{18A77283-369B-413D-9C3E-70198CF6BEAF}"/>
            </a:ext>
          </a:extLst>
        </xdr:cNvPr>
        <xdr:cNvSpPr txBox="1"/>
      </xdr:nvSpPr>
      <xdr:spPr>
        <a:xfrm>
          <a:off x="11102984" y="13396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8" name="正方形/長方形 687">
          <a:extLst>
            <a:ext uri="{FF2B5EF4-FFF2-40B4-BE49-F238E27FC236}">
              <a16:creationId xmlns:a16="http://schemas.microsoft.com/office/drawing/2014/main" id="{227EFC69-8EE1-4C3F-A543-EBC1F45A70AE}"/>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9" name="正方形/長方形 688">
          <a:extLst>
            <a:ext uri="{FF2B5EF4-FFF2-40B4-BE49-F238E27FC236}">
              <a16:creationId xmlns:a16="http://schemas.microsoft.com/office/drawing/2014/main" id="{AA4A88BA-C8BC-42C9-B988-035CEF04F8D9}"/>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90" name="正方形/長方形 689">
          <a:extLst>
            <a:ext uri="{FF2B5EF4-FFF2-40B4-BE49-F238E27FC236}">
              <a16:creationId xmlns:a16="http://schemas.microsoft.com/office/drawing/2014/main" id="{6215498C-9A60-4E27-872D-819F25B0CDFA}"/>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91" name="正方形/長方形 690">
          <a:extLst>
            <a:ext uri="{FF2B5EF4-FFF2-40B4-BE49-F238E27FC236}">
              <a16:creationId xmlns:a16="http://schemas.microsoft.com/office/drawing/2014/main" id="{86A94363-0E2B-4F00-960B-57318BE99613}"/>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92" name="正方形/長方形 691">
          <a:extLst>
            <a:ext uri="{FF2B5EF4-FFF2-40B4-BE49-F238E27FC236}">
              <a16:creationId xmlns:a16="http://schemas.microsoft.com/office/drawing/2014/main" id="{9997F510-6CEF-42B9-914C-E8B3625D158A}"/>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3" name="正方形/長方形 692">
          <a:extLst>
            <a:ext uri="{FF2B5EF4-FFF2-40B4-BE49-F238E27FC236}">
              <a16:creationId xmlns:a16="http://schemas.microsoft.com/office/drawing/2014/main" id="{AED90D42-9E02-4679-8633-EBEAAD00203D}"/>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4" name="正方形/長方形 693">
          <a:extLst>
            <a:ext uri="{FF2B5EF4-FFF2-40B4-BE49-F238E27FC236}">
              <a16:creationId xmlns:a16="http://schemas.microsoft.com/office/drawing/2014/main" id="{4C294C2C-D19E-4634-8556-15D87B579867}"/>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5" name="正方形/長方形 694">
          <a:extLst>
            <a:ext uri="{FF2B5EF4-FFF2-40B4-BE49-F238E27FC236}">
              <a16:creationId xmlns:a16="http://schemas.microsoft.com/office/drawing/2014/main" id="{0BBA79AA-502D-4B5C-ADE4-3B0F324A86FA}"/>
            </a:ext>
          </a:extLst>
        </xdr:cNvPr>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6" name="テキスト ボックス 695">
          <a:extLst>
            <a:ext uri="{FF2B5EF4-FFF2-40B4-BE49-F238E27FC236}">
              <a16:creationId xmlns:a16="http://schemas.microsoft.com/office/drawing/2014/main" id="{D045F9D9-5568-469B-8E71-5BC0A4F2ED08}"/>
            </a:ext>
          </a:extLst>
        </xdr:cNvPr>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7" name="直線コネクタ 696">
          <a:extLst>
            <a:ext uri="{FF2B5EF4-FFF2-40B4-BE49-F238E27FC236}">
              <a16:creationId xmlns:a16="http://schemas.microsoft.com/office/drawing/2014/main" id="{D02175D9-4467-48B1-B43D-D98EFA582F4B}"/>
            </a:ext>
          </a:extLst>
        </xdr:cNvPr>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8" name="直線コネクタ 697">
          <a:extLst>
            <a:ext uri="{FF2B5EF4-FFF2-40B4-BE49-F238E27FC236}">
              <a16:creationId xmlns:a16="http://schemas.microsoft.com/office/drawing/2014/main" id="{C630A3C2-76D2-4641-8472-9D211873D938}"/>
            </a:ext>
          </a:extLst>
        </xdr:cNvPr>
        <xdr:cNvCxnSpPr/>
      </xdr:nvCxnSpPr>
      <xdr:spPr>
        <a:xfrm>
          <a:off x="1609344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9" name="テキスト ボックス 698">
          <a:extLst>
            <a:ext uri="{FF2B5EF4-FFF2-40B4-BE49-F238E27FC236}">
              <a16:creationId xmlns:a16="http://schemas.microsoft.com/office/drawing/2014/main" id="{0736C520-5DB1-4167-B932-B8C10FE58049}"/>
            </a:ext>
          </a:extLst>
        </xdr:cNvPr>
        <xdr:cNvSpPr txBox="1"/>
      </xdr:nvSpPr>
      <xdr:spPr>
        <a:xfrm>
          <a:off x="1569484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00" name="直線コネクタ 699">
          <a:extLst>
            <a:ext uri="{FF2B5EF4-FFF2-40B4-BE49-F238E27FC236}">
              <a16:creationId xmlns:a16="http://schemas.microsoft.com/office/drawing/2014/main" id="{7EA16711-8677-40B6-A21E-5B8B17AE566D}"/>
            </a:ext>
          </a:extLst>
        </xdr:cNvPr>
        <xdr:cNvCxnSpPr/>
      </xdr:nvCxnSpPr>
      <xdr:spPr>
        <a:xfrm>
          <a:off x="1609344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01" name="テキスト ボックス 700">
          <a:extLst>
            <a:ext uri="{FF2B5EF4-FFF2-40B4-BE49-F238E27FC236}">
              <a16:creationId xmlns:a16="http://schemas.microsoft.com/office/drawing/2014/main" id="{9A970862-A809-4EE4-8104-C6D37D92C4CA}"/>
            </a:ext>
          </a:extLst>
        </xdr:cNvPr>
        <xdr:cNvSpPr txBox="1"/>
      </xdr:nvSpPr>
      <xdr:spPr>
        <a:xfrm>
          <a:off x="1569484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02" name="直線コネクタ 701">
          <a:extLst>
            <a:ext uri="{FF2B5EF4-FFF2-40B4-BE49-F238E27FC236}">
              <a16:creationId xmlns:a16="http://schemas.microsoft.com/office/drawing/2014/main" id="{5A556583-9546-4C41-AFBE-0BB8C7D1E508}"/>
            </a:ext>
          </a:extLst>
        </xdr:cNvPr>
        <xdr:cNvCxnSpPr/>
      </xdr:nvCxnSpPr>
      <xdr:spPr>
        <a:xfrm>
          <a:off x="1609344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03" name="テキスト ボックス 702">
          <a:extLst>
            <a:ext uri="{FF2B5EF4-FFF2-40B4-BE49-F238E27FC236}">
              <a16:creationId xmlns:a16="http://schemas.microsoft.com/office/drawing/2014/main" id="{3A11B5A8-84DA-4792-AC6A-1726CB9AAEAE}"/>
            </a:ext>
          </a:extLst>
        </xdr:cNvPr>
        <xdr:cNvSpPr txBox="1"/>
      </xdr:nvSpPr>
      <xdr:spPr>
        <a:xfrm>
          <a:off x="1569484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04" name="直線コネクタ 703">
          <a:extLst>
            <a:ext uri="{FF2B5EF4-FFF2-40B4-BE49-F238E27FC236}">
              <a16:creationId xmlns:a16="http://schemas.microsoft.com/office/drawing/2014/main" id="{BDA96B73-6406-4744-AB54-779C0787A6B8}"/>
            </a:ext>
          </a:extLst>
        </xdr:cNvPr>
        <xdr:cNvCxnSpPr/>
      </xdr:nvCxnSpPr>
      <xdr:spPr>
        <a:xfrm>
          <a:off x="1609344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5" name="テキスト ボックス 704">
          <a:extLst>
            <a:ext uri="{FF2B5EF4-FFF2-40B4-BE49-F238E27FC236}">
              <a16:creationId xmlns:a16="http://schemas.microsoft.com/office/drawing/2014/main" id="{AE400757-2CF7-4C34-98DF-449A618EF7BC}"/>
            </a:ext>
          </a:extLst>
        </xdr:cNvPr>
        <xdr:cNvSpPr txBox="1"/>
      </xdr:nvSpPr>
      <xdr:spPr>
        <a:xfrm>
          <a:off x="1569484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6" name="直線コネクタ 705">
          <a:extLst>
            <a:ext uri="{FF2B5EF4-FFF2-40B4-BE49-F238E27FC236}">
              <a16:creationId xmlns:a16="http://schemas.microsoft.com/office/drawing/2014/main" id="{0172A383-72E2-4743-9F29-33D0F6773066}"/>
            </a:ext>
          </a:extLst>
        </xdr:cNvPr>
        <xdr:cNvCxnSpPr/>
      </xdr:nvCxnSpPr>
      <xdr:spPr>
        <a:xfrm>
          <a:off x="1609344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7" name="テキスト ボックス 706">
          <a:extLst>
            <a:ext uri="{FF2B5EF4-FFF2-40B4-BE49-F238E27FC236}">
              <a16:creationId xmlns:a16="http://schemas.microsoft.com/office/drawing/2014/main" id="{34C52795-E8AA-488F-9CA4-0C15540B9593}"/>
            </a:ext>
          </a:extLst>
        </xdr:cNvPr>
        <xdr:cNvSpPr txBox="1"/>
      </xdr:nvSpPr>
      <xdr:spPr>
        <a:xfrm>
          <a:off x="1569484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8" name="直線コネクタ 707">
          <a:extLst>
            <a:ext uri="{FF2B5EF4-FFF2-40B4-BE49-F238E27FC236}">
              <a16:creationId xmlns:a16="http://schemas.microsoft.com/office/drawing/2014/main" id="{4C128DA4-7381-4B27-BC75-EC1F5C11BED3}"/>
            </a:ext>
          </a:extLst>
        </xdr:cNvPr>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9" name="テキスト ボックス 708">
          <a:extLst>
            <a:ext uri="{FF2B5EF4-FFF2-40B4-BE49-F238E27FC236}">
              <a16:creationId xmlns:a16="http://schemas.microsoft.com/office/drawing/2014/main" id="{A1FDE2F2-88CF-48B2-BF93-FEA10E52A8B7}"/>
            </a:ext>
          </a:extLst>
        </xdr:cNvPr>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10" name="【消防施設】&#10;一人当たり面積グラフ枠">
          <a:extLst>
            <a:ext uri="{FF2B5EF4-FFF2-40B4-BE49-F238E27FC236}">
              <a16:creationId xmlns:a16="http://schemas.microsoft.com/office/drawing/2014/main" id="{174349C0-8B53-45F4-801B-35C2AC0A4D33}"/>
            </a:ext>
          </a:extLst>
        </xdr:cNvPr>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06680</xdr:rowOff>
    </xdr:from>
    <xdr:to>
      <xdr:col>116</xdr:col>
      <xdr:colOff>62864</xdr:colOff>
      <xdr:row>86</xdr:row>
      <xdr:rowOff>76200</xdr:rowOff>
    </xdr:to>
    <xdr:cxnSp macro="">
      <xdr:nvCxnSpPr>
        <xdr:cNvPr id="711" name="直線コネクタ 710">
          <a:extLst>
            <a:ext uri="{FF2B5EF4-FFF2-40B4-BE49-F238E27FC236}">
              <a16:creationId xmlns:a16="http://schemas.microsoft.com/office/drawing/2014/main" id="{FAB1A61A-CD33-470C-938B-60ED29A81091}"/>
            </a:ext>
          </a:extLst>
        </xdr:cNvPr>
        <xdr:cNvCxnSpPr/>
      </xdr:nvCxnSpPr>
      <xdr:spPr>
        <a:xfrm flipV="1">
          <a:off x="19509104" y="13014960"/>
          <a:ext cx="0" cy="1478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12" name="【消防施設】&#10;一人当たり面積最小値テキスト">
          <a:extLst>
            <a:ext uri="{FF2B5EF4-FFF2-40B4-BE49-F238E27FC236}">
              <a16:creationId xmlns:a16="http://schemas.microsoft.com/office/drawing/2014/main" id="{F2AEB738-DF64-41A3-AF94-7F121BF2B51A}"/>
            </a:ext>
          </a:extLst>
        </xdr:cNvPr>
        <xdr:cNvSpPr txBox="1"/>
      </xdr:nvSpPr>
      <xdr:spPr>
        <a:xfrm>
          <a:off x="19547840" y="1449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13" name="直線コネクタ 712">
          <a:extLst>
            <a:ext uri="{FF2B5EF4-FFF2-40B4-BE49-F238E27FC236}">
              <a16:creationId xmlns:a16="http://schemas.microsoft.com/office/drawing/2014/main" id="{544D384D-CCBB-49A5-8CC9-EFC9493D0E38}"/>
            </a:ext>
          </a:extLst>
        </xdr:cNvPr>
        <xdr:cNvCxnSpPr/>
      </xdr:nvCxnSpPr>
      <xdr:spPr>
        <a:xfrm>
          <a:off x="19443700" y="144932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53357</xdr:rowOff>
    </xdr:from>
    <xdr:ext cx="469744" cy="259045"/>
    <xdr:sp macro="" textlink="">
      <xdr:nvSpPr>
        <xdr:cNvPr id="714" name="【消防施設】&#10;一人当たり面積最大値テキスト">
          <a:extLst>
            <a:ext uri="{FF2B5EF4-FFF2-40B4-BE49-F238E27FC236}">
              <a16:creationId xmlns:a16="http://schemas.microsoft.com/office/drawing/2014/main" id="{F04524D7-B971-4B84-A6FE-A456B48E8E61}"/>
            </a:ext>
          </a:extLst>
        </xdr:cNvPr>
        <xdr:cNvSpPr txBox="1"/>
      </xdr:nvSpPr>
      <xdr:spPr>
        <a:xfrm>
          <a:off x="19547840" y="12793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06680</xdr:rowOff>
    </xdr:from>
    <xdr:to>
      <xdr:col>116</xdr:col>
      <xdr:colOff>152400</xdr:colOff>
      <xdr:row>77</xdr:row>
      <xdr:rowOff>106680</xdr:rowOff>
    </xdr:to>
    <xdr:cxnSp macro="">
      <xdr:nvCxnSpPr>
        <xdr:cNvPr id="715" name="直線コネクタ 714">
          <a:extLst>
            <a:ext uri="{FF2B5EF4-FFF2-40B4-BE49-F238E27FC236}">
              <a16:creationId xmlns:a16="http://schemas.microsoft.com/office/drawing/2014/main" id="{50230DB4-E469-4208-8732-2F91F294B1F2}"/>
            </a:ext>
          </a:extLst>
        </xdr:cNvPr>
        <xdr:cNvCxnSpPr/>
      </xdr:nvCxnSpPr>
      <xdr:spPr>
        <a:xfrm>
          <a:off x="19443700" y="130149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56863</xdr:rowOff>
    </xdr:from>
    <xdr:ext cx="469744" cy="259045"/>
    <xdr:sp macro="" textlink="">
      <xdr:nvSpPr>
        <xdr:cNvPr id="716" name="【消防施設】&#10;一人当たり面積平均値テキスト">
          <a:extLst>
            <a:ext uri="{FF2B5EF4-FFF2-40B4-BE49-F238E27FC236}">
              <a16:creationId xmlns:a16="http://schemas.microsoft.com/office/drawing/2014/main" id="{489A1BD2-FBFE-4E36-A183-DD93344E2809}"/>
            </a:ext>
          </a:extLst>
        </xdr:cNvPr>
        <xdr:cNvSpPr txBox="1"/>
      </xdr:nvSpPr>
      <xdr:spPr>
        <a:xfrm>
          <a:off x="19547840" y="140709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33986</xdr:rowOff>
    </xdr:from>
    <xdr:to>
      <xdr:col>116</xdr:col>
      <xdr:colOff>114300</xdr:colOff>
      <xdr:row>85</xdr:row>
      <xdr:rowOff>64136</xdr:rowOff>
    </xdr:to>
    <xdr:sp macro="" textlink="">
      <xdr:nvSpPr>
        <xdr:cNvPr id="717" name="フローチャート: 判断 716">
          <a:extLst>
            <a:ext uri="{FF2B5EF4-FFF2-40B4-BE49-F238E27FC236}">
              <a16:creationId xmlns:a16="http://schemas.microsoft.com/office/drawing/2014/main" id="{3575B35B-F8A7-4952-BF99-69379858CA1F}"/>
            </a:ext>
          </a:extLst>
        </xdr:cNvPr>
        <xdr:cNvSpPr/>
      </xdr:nvSpPr>
      <xdr:spPr>
        <a:xfrm>
          <a:off x="19458940" y="142157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1605</xdr:rowOff>
    </xdr:from>
    <xdr:to>
      <xdr:col>112</xdr:col>
      <xdr:colOff>38100</xdr:colOff>
      <xdr:row>85</xdr:row>
      <xdr:rowOff>71755</xdr:rowOff>
    </xdr:to>
    <xdr:sp macro="" textlink="">
      <xdr:nvSpPr>
        <xdr:cNvPr id="718" name="フローチャート: 判断 717">
          <a:extLst>
            <a:ext uri="{FF2B5EF4-FFF2-40B4-BE49-F238E27FC236}">
              <a16:creationId xmlns:a16="http://schemas.microsoft.com/office/drawing/2014/main" id="{614747C8-FEA4-45FD-8014-430D8741E722}"/>
            </a:ext>
          </a:extLst>
        </xdr:cNvPr>
        <xdr:cNvSpPr/>
      </xdr:nvSpPr>
      <xdr:spPr>
        <a:xfrm>
          <a:off x="18735040" y="1422336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11125</xdr:rowOff>
    </xdr:from>
    <xdr:to>
      <xdr:col>107</xdr:col>
      <xdr:colOff>101600</xdr:colOff>
      <xdr:row>85</xdr:row>
      <xdr:rowOff>41275</xdr:rowOff>
    </xdr:to>
    <xdr:sp macro="" textlink="">
      <xdr:nvSpPr>
        <xdr:cNvPr id="719" name="フローチャート: 判断 718">
          <a:extLst>
            <a:ext uri="{FF2B5EF4-FFF2-40B4-BE49-F238E27FC236}">
              <a16:creationId xmlns:a16="http://schemas.microsoft.com/office/drawing/2014/main" id="{ED5C011C-1520-4EF9-A68F-2DD3ADB926CB}"/>
            </a:ext>
          </a:extLst>
        </xdr:cNvPr>
        <xdr:cNvSpPr/>
      </xdr:nvSpPr>
      <xdr:spPr>
        <a:xfrm>
          <a:off x="17937480" y="141928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4445</xdr:rowOff>
    </xdr:from>
    <xdr:to>
      <xdr:col>102</xdr:col>
      <xdr:colOff>165100</xdr:colOff>
      <xdr:row>85</xdr:row>
      <xdr:rowOff>106045</xdr:rowOff>
    </xdr:to>
    <xdr:sp macro="" textlink="">
      <xdr:nvSpPr>
        <xdr:cNvPr id="720" name="フローチャート: 判断 719">
          <a:extLst>
            <a:ext uri="{FF2B5EF4-FFF2-40B4-BE49-F238E27FC236}">
              <a16:creationId xmlns:a16="http://schemas.microsoft.com/office/drawing/2014/main" id="{E93F1649-77A7-4D53-9E5D-C6601350307C}"/>
            </a:ext>
          </a:extLst>
        </xdr:cNvPr>
        <xdr:cNvSpPr/>
      </xdr:nvSpPr>
      <xdr:spPr>
        <a:xfrm>
          <a:off x="17162780" y="1425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6350</xdr:rowOff>
    </xdr:from>
    <xdr:to>
      <xdr:col>98</xdr:col>
      <xdr:colOff>38100</xdr:colOff>
      <xdr:row>85</xdr:row>
      <xdr:rowOff>107950</xdr:rowOff>
    </xdr:to>
    <xdr:sp macro="" textlink="">
      <xdr:nvSpPr>
        <xdr:cNvPr id="721" name="フローチャート: 判断 720">
          <a:extLst>
            <a:ext uri="{FF2B5EF4-FFF2-40B4-BE49-F238E27FC236}">
              <a16:creationId xmlns:a16="http://schemas.microsoft.com/office/drawing/2014/main" id="{4141213E-01FA-4D10-8769-BEC185CEB6A0}"/>
            </a:ext>
          </a:extLst>
        </xdr:cNvPr>
        <xdr:cNvSpPr/>
      </xdr:nvSpPr>
      <xdr:spPr>
        <a:xfrm>
          <a:off x="16388080" y="142557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id="{41A9F921-E4C7-4C9B-B4C8-732AD2FE137C}"/>
            </a:ext>
          </a:extLst>
        </xdr:cNvPr>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3" name="テキスト ボックス 722">
          <a:extLst>
            <a:ext uri="{FF2B5EF4-FFF2-40B4-BE49-F238E27FC236}">
              <a16:creationId xmlns:a16="http://schemas.microsoft.com/office/drawing/2014/main" id="{1ABFED89-6338-4E1C-8FAA-ADE974D05629}"/>
            </a:ext>
          </a:extLst>
        </xdr:cNvPr>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4" name="テキスト ボックス 723">
          <a:extLst>
            <a:ext uri="{FF2B5EF4-FFF2-40B4-BE49-F238E27FC236}">
              <a16:creationId xmlns:a16="http://schemas.microsoft.com/office/drawing/2014/main" id="{5C56B01D-822B-4263-B0ED-EBFAD50368B5}"/>
            </a:ext>
          </a:extLst>
        </xdr:cNvPr>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5" name="テキスト ボックス 724">
          <a:extLst>
            <a:ext uri="{FF2B5EF4-FFF2-40B4-BE49-F238E27FC236}">
              <a16:creationId xmlns:a16="http://schemas.microsoft.com/office/drawing/2014/main" id="{4D99647C-A8A1-4B66-94CF-611C740C5376}"/>
            </a:ext>
          </a:extLst>
        </xdr:cNvPr>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6" name="テキスト ボックス 725">
          <a:extLst>
            <a:ext uri="{FF2B5EF4-FFF2-40B4-BE49-F238E27FC236}">
              <a16:creationId xmlns:a16="http://schemas.microsoft.com/office/drawing/2014/main" id="{54F7728A-317F-4C3E-86CC-C42C5D51EB57}"/>
            </a:ext>
          </a:extLst>
        </xdr:cNvPr>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4461</xdr:rowOff>
    </xdr:from>
    <xdr:to>
      <xdr:col>116</xdr:col>
      <xdr:colOff>114300</xdr:colOff>
      <xdr:row>86</xdr:row>
      <xdr:rowOff>54611</xdr:rowOff>
    </xdr:to>
    <xdr:sp macro="" textlink="">
      <xdr:nvSpPr>
        <xdr:cNvPr id="727" name="楕円 726">
          <a:extLst>
            <a:ext uri="{FF2B5EF4-FFF2-40B4-BE49-F238E27FC236}">
              <a16:creationId xmlns:a16="http://schemas.microsoft.com/office/drawing/2014/main" id="{2FEDD243-B304-4A9A-B0FF-314A540DFA65}"/>
            </a:ext>
          </a:extLst>
        </xdr:cNvPr>
        <xdr:cNvSpPr/>
      </xdr:nvSpPr>
      <xdr:spPr>
        <a:xfrm>
          <a:off x="19458940" y="1437386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9388</xdr:rowOff>
    </xdr:from>
    <xdr:ext cx="469744" cy="259045"/>
    <xdr:sp macro="" textlink="">
      <xdr:nvSpPr>
        <xdr:cNvPr id="728" name="【消防施設】&#10;一人当たり面積該当値テキスト">
          <a:extLst>
            <a:ext uri="{FF2B5EF4-FFF2-40B4-BE49-F238E27FC236}">
              <a16:creationId xmlns:a16="http://schemas.microsoft.com/office/drawing/2014/main" id="{737A4E6F-80BE-42FA-9D9F-AC2EA14CF813}"/>
            </a:ext>
          </a:extLst>
        </xdr:cNvPr>
        <xdr:cNvSpPr txBox="1"/>
      </xdr:nvSpPr>
      <xdr:spPr>
        <a:xfrm>
          <a:off x="19547840" y="14288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26364</xdr:rowOff>
    </xdr:from>
    <xdr:to>
      <xdr:col>112</xdr:col>
      <xdr:colOff>38100</xdr:colOff>
      <xdr:row>86</xdr:row>
      <xdr:rowOff>56514</xdr:rowOff>
    </xdr:to>
    <xdr:sp macro="" textlink="">
      <xdr:nvSpPr>
        <xdr:cNvPr id="729" name="楕円 728">
          <a:extLst>
            <a:ext uri="{FF2B5EF4-FFF2-40B4-BE49-F238E27FC236}">
              <a16:creationId xmlns:a16="http://schemas.microsoft.com/office/drawing/2014/main" id="{50C5656A-2E1D-41BD-A283-461895134689}"/>
            </a:ext>
          </a:extLst>
        </xdr:cNvPr>
        <xdr:cNvSpPr/>
      </xdr:nvSpPr>
      <xdr:spPr>
        <a:xfrm>
          <a:off x="18735040" y="143757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3811</xdr:rowOff>
    </xdr:from>
    <xdr:to>
      <xdr:col>116</xdr:col>
      <xdr:colOff>63500</xdr:colOff>
      <xdr:row>86</xdr:row>
      <xdr:rowOff>5714</xdr:rowOff>
    </xdr:to>
    <xdr:cxnSp macro="">
      <xdr:nvCxnSpPr>
        <xdr:cNvPr id="730" name="直線コネクタ 729">
          <a:extLst>
            <a:ext uri="{FF2B5EF4-FFF2-40B4-BE49-F238E27FC236}">
              <a16:creationId xmlns:a16="http://schemas.microsoft.com/office/drawing/2014/main" id="{08EE5EF6-A004-4952-BCB8-A2980D0E3852}"/>
            </a:ext>
          </a:extLst>
        </xdr:cNvPr>
        <xdr:cNvCxnSpPr/>
      </xdr:nvCxnSpPr>
      <xdr:spPr>
        <a:xfrm flipV="1">
          <a:off x="18778220" y="14420851"/>
          <a:ext cx="731520" cy="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28270</xdr:rowOff>
    </xdr:from>
    <xdr:to>
      <xdr:col>107</xdr:col>
      <xdr:colOff>101600</xdr:colOff>
      <xdr:row>86</xdr:row>
      <xdr:rowOff>58420</xdr:rowOff>
    </xdr:to>
    <xdr:sp macro="" textlink="">
      <xdr:nvSpPr>
        <xdr:cNvPr id="731" name="楕円 730">
          <a:extLst>
            <a:ext uri="{FF2B5EF4-FFF2-40B4-BE49-F238E27FC236}">
              <a16:creationId xmlns:a16="http://schemas.microsoft.com/office/drawing/2014/main" id="{4588DD82-AA03-4CFF-9420-96355AB32827}"/>
            </a:ext>
          </a:extLst>
        </xdr:cNvPr>
        <xdr:cNvSpPr/>
      </xdr:nvSpPr>
      <xdr:spPr>
        <a:xfrm>
          <a:off x="17937480" y="143776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5714</xdr:rowOff>
    </xdr:from>
    <xdr:to>
      <xdr:col>111</xdr:col>
      <xdr:colOff>177800</xdr:colOff>
      <xdr:row>86</xdr:row>
      <xdr:rowOff>7620</xdr:rowOff>
    </xdr:to>
    <xdr:cxnSp macro="">
      <xdr:nvCxnSpPr>
        <xdr:cNvPr id="732" name="直線コネクタ 731">
          <a:extLst>
            <a:ext uri="{FF2B5EF4-FFF2-40B4-BE49-F238E27FC236}">
              <a16:creationId xmlns:a16="http://schemas.microsoft.com/office/drawing/2014/main" id="{FBE50254-8B42-43CF-8377-71BDF0A27426}"/>
            </a:ext>
          </a:extLst>
        </xdr:cNvPr>
        <xdr:cNvCxnSpPr/>
      </xdr:nvCxnSpPr>
      <xdr:spPr>
        <a:xfrm flipV="1">
          <a:off x="17988280" y="14422754"/>
          <a:ext cx="78994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30175</xdr:rowOff>
    </xdr:from>
    <xdr:to>
      <xdr:col>102</xdr:col>
      <xdr:colOff>165100</xdr:colOff>
      <xdr:row>86</xdr:row>
      <xdr:rowOff>60325</xdr:rowOff>
    </xdr:to>
    <xdr:sp macro="" textlink="">
      <xdr:nvSpPr>
        <xdr:cNvPr id="733" name="楕円 732">
          <a:extLst>
            <a:ext uri="{FF2B5EF4-FFF2-40B4-BE49-F238E27FC236}">
              <a16:creationId xmlns:a16="http://schemas.microsoft.com/office/drawing/2014/main" id="{1EBE68CB-6AC7-46D3-802B-B13283FC42A8}"/>
            </a:ext>
          </a:extLst>
        </xdr:cNvPr>
        <xdr:cNvSpPr/>
      </xdr:nvSpPr>
      <xdr:spPr>
        <a:xfrm>
          <a:off x="17162780" y="143795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7620</xdr:rowOff>
    </xdr:from>
    <xdr:to>
      <xdr:col>107</xdr:col>
      <xdr:colOff>50800</xdr:colOff>
      <xdr:row>86</xdr:row>
      <xdr:rowOff>9525</xdr:rowOff>
    </xdr:to>
    <xdr:cxnSp macro="">
      <xdr:nvCxnSpPr>
        <xdr:cNvPr id="734" name="直線コネクタ 733">
          <a:extLst>
            <a:ext uri="{FF2B5EF4-FFF2-40B4-BE49-F238E27FC236}">
              <a16:creationId xmlns:a16="http://schemas.microsoft.com/office/drawing/2014/main" id="{D9F461F1-9DE2-482A-988A-868181843B7D}"/>
            </a:ext>
          </a:extLst>
        </xdr:cNvPr>
        <xdr:cNvCxnSpPr/>
      </xdr:nvCxnSpPr>
      <xdr:spPr>
        <a:xfrm flipV="1">
          <a:off x="17213580" y="14424660"/>
          <a:ext cx="7747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32080</xdr:rowOff>
    </xdr:from>
    <xdr:to>
      <xdr:col>98</xdr:col>
      <xdr:colOff>38100</xdr:colOff>
      <xdr:row>86</xdr:row>
      <xdr:rowOff>62230</xdr:rowOff>
    </xdr:to>
    <xdr:sp macro="" textlink="">
      <xdr:nvSpPr>
        <xdr:cNvPr id="735" name="楕円 734">
          <a:extLst>
            <a:ext uri="{FF2B5EF4-FFF2-40B4-BE49-F238E27FC236}">
              <a16:creationId xmlns:a16="http://schemas.microsoft.com/office/drawing/2014/main" id="{4D5E1F24-6B23-4C96-B2A1-3AD4FCA32CD7}"/>
            </a:ext>
          </a:extLst>
        </xdr:cNvPr>
        <xdr:cNvSpPr/>
      </xdr:nvSpPr>
      <xdr:spPr>
        <a:xfrm>
          <a:off x="16388080" y="1438148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9525</xdr:rowOff>
    </xdr:from>
    <xdr:to>
      <xdr:col>102</xdr:col>
      <xdr:colOff>114300</xdr:colOff>
      <xdr:row>86</xdr:row>
      <xdr:rowOff>11430</xdr:rowOff>
    </xdr:to>
    <xdr:cxnSp macro="">
      <xdr:nvCxnSpPr>
        <xdr:cNvPr id="736" name="直線コネクタ 735">
          <a:extLst>
            <a:ext uri="{FF2B5EF4-FFF2-40B4-BE49-F238E27FC236}">
              <a16:creationId xmlns:a16="http://schemas.microsoft.com/office/drawing/2014/main" id="{CDFDCBB8-9E67-4BFE-B040-2C90E3D8737F}"/>
            </a:ext>
          </a:extLst>
        </xdr:cNvPr>
        <xdr:cNvCxnSpPr/>
      </xdr:nvCxnSpPr>
      <xdr:spPr>
        <a:xfrm flipV="1">
          <a:off x="16431260" y="14426565"/>
          <a:ext cx="78232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88282</xdr:rowOff>
    </xdr:from>
    <xdr:ext cx="469744" cy="259045"/>
    <xdr:sp macro="" textlink="">
      <xdr:nvSpPr>
        <xdr:cNvPr id="737" name="n_1aveValue【消防施設】&#10;一人当たり面積">
          <a:extLst>
            <a:ext uri="{FF2B5EF4-FFF2-40B4-BE49-F238E27FC236}">
              <a16:creationId xmlns:a16="http://schemas.microsoft.com/office/drawing/2014/main" id="{DDBFDBEC-A9DB-44F6-9360-2739C4022AC1}"/>
            </a:ext>
          </a:extLst>
        </xdr:cNvPr>
        <xdr:cNvSpPr txBox="1"/>
      </xdr:nvSpPr>
      <xdr:spPr>
        <a:xfrm>
          <a:off x="18561127" y="14002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57802</xdr:rowOff>
    </xdr:from>
    <xdr:ext cx="469744" cy="259045"/>
    <xdr:sp macro="" textlink="">
      <xdr:nvSpPr>
        <xdr:cNvPr id="738" name="n_2aveValue【消防施設】&#10;一人当たり面積">
          <a:extLst>
            <a:ext uri="{FF2B5EF4-FFF2-40B4-BE49-F238E27FC236}">
              <a16:creationId xmlns:a16="http://schemas.microsoft.com/office/drawing/2014/main" id="{EBC658CD-CCE6-4EFB-BEDF-51D28C8DC642}"/>
            </a:ext>
          </a:extLst>
        </xdr:cNvPr>
        <xdr:cNvSpPr txBox="1"/>
      </xdr:nvSpPr>
      <xdr:spPr>
        <a:xfrm>
          <a:off x="17776267" y="13971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22572</xdr:rowOff>
    </xdr:from>
    <xdr:ext cx="469744" cy="259045"/>
    <xdr:sp macro="" textlink="">
      <xdr:nvSpPr>
        <xdr:cNvPr id="739" name="n_3aveValue【消防施設】&#10;一人当たり面積">
          <a:extLst>
            <a:ext uri="{FF2B5EF4-FFF2-40B4-BE49-F238E27FC236}">
              <a16:creationId xmlns:a16="http://schemas.microsoft.com/office/drawing/2014/main" id="{3B6BE91F-0153-4CAF-A497-DE552DF260E6}"/>
            </a:ext>
          </a:extLst>
        </xdr:cNvPr>
        <xdr:cNvSpPr txBox="1"/>
      </xdr:nvSpPr>
      <xdr:spPr>
        <a:xfrm>
          <a:off x="17001567" y="14036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24477</xdr:rowOff>
    </xdr:from>
    <xdr:ext cx="469744" cy="259045"/>
    <xdr:sp macro="" textlink="">
      <xdr:nvSpPr>
        <xdr:cNvPr id="740" name="n_4aveValue【消防施設】&#10;一人当たり面積">
          <a:extLst>
            <a:ext uri="{FF2B5EF4-FFF2-40B4-BE49-F238E27FC236}">
              <a16:creationId xmlns:a16="http://schemas.microsoft.com/office/drawing/2014/main" id="{2758B416-4DC8-4408-819A-AD26A2CF4F17}"/>
            </a:ext>
          </a:extLst>
        </xdr:cNvPr>
        <xdr:cNvSpPr txBox="1"/>
      </xdr:nvSpPr>
      <xdr:spPr>
        <a:xfrm>
          <a:off x="16226867" y="14038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47641</xdr:rowOff>
    </xdr:from>
    <xdr:ext cx="469744" cy="259045"/>
    <xdr:sp macro="" textlink="">
      <xdr:nvSpPr>
        <xdr:cNvPr id="741" name="n_1mainValue【消防施設】&#10;一人当たり面積">
          <a:extLst>
            <a:ext uri="{FF2B5EF4-FFF2-40B4-BE49-F238E27FC236}">
              <a16:creationId xmlns:a16="http://schemas.microsoft.com/office/drawing/2014/main" id="{7827BF8D-FD5A-4267-87F0-17967183AE6E}"/>
            </a:ext>
          </a:extLst>
        </xdr:cNvPr>
        <xdr:cNvSpPr txBox="1"/>
      </xdr:nvSpPr>
      <xdr:spPr>
        <a:xfrm>
          <a:off x="18561127" y="14464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49547</xdr:rowOff>
    </xdr:from>
    <xdr:ext cx="469744" cy="259045"/>
    <xdr:sp macro="" textlink="">
      <xdr:nvSpPr>
        <xdr:cNvPr id="742" name="n_2mainValue【消防施設】&#10;一人当たり面積">
          <a:extLst>
            <a:ext uri="{FF2B5EF4-FFF2-40B4-BE49-F238E27FC236}">
              <a16:creationId xmlns:a16="http://schemas.microsoft.com/office/drawing/2014/main" id="{F249D7A3-046A-43CF-B190-00ECB055326E}"/>
            </a:ext>
          </a:extLst>
        </xdr:cNvPr>
        <xdr:cNvSpPr txBox="1"/>
      </xdr:nvSpPr>
      <xdr:spPr>
        <a:xfrm>
          <a:off x="17776267" y="14466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51452</xdr:rowOff>
    </xdr:from>
    <xdr:ext cx="469744" cy="259045"/>
    <xdr:sp macro="" textlink="">
      <xdr:nvSpPr>
        <xdr:cNvPr id="743" name="n_3mainValue【消防施設】&#10;一人当たり面積">
          <a:extLst>
            <a:ext uri="{FF2B5EF4-FFF2-40B4-BE49-F238E27FC236}">
              <a16:creationId xmlns:a16="http://schemas.microsoft.com/office/drawing/2014/main" id="{C05E25F6-ED0C-4C65-ABBC-80AA2B31B908}"/>
            </a:ext>
          </a:extLst>
        </xdr:cNvPr>
        <xdr:cNvSpPr txBox="1"/>
      </xdr:nvSpPr>
      <xdr:spPr>
        <a:xfrm>
          <a:off x="17001567" y="14468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53357</xdr:rowOff>
    </xdr:from>
    <xdr:ext cx="469744" cy="259045"/>
    <xdr:sp macro="" textlink="">
      <xdr:nvSpPr>
        <xdr:cNvPr id="744" name="n_4mainValue【消防施設】&#10;一人当たり面積">
          <a:extLst>
            <a:ext uri="{FF2B5EF4-FFF2-40B4-BE49-F238E27FC236}">
              <a16:creationId xmlns:a16="http://schemas.microsoft.com/office/drawing/2014/main" id="{904B082D-B1FD-462B-B797-79168A3B1E25}"/>
            </a:ext>
          </a:extLst>
        </xdr:cNvPr>
        <xdr:cNvSpPr txBox="1"/>
      </xdr:nvSpPr>
      <xdr:spPr>
        <a:xfrm>
          <a:off x="16226867" y="14470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5" name="正方形/長方形 744">
          <a:extLst>
            <a:ext uri="{FF2B5EF4-FFF2-40B4-BE49-F238E27FC236}">
              <a16:creationId xmlns:a16="http://schemas.microsoft.com/office/drawing/2014/main" id="{E3FEABB5-9DF9-48B6-B720-B28232DCBCD5}"/>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6" name="正方形/長方形 745">
          <a:extLst>
            <a:ext uri="{FF2B5EF4-FFF2-40B4-BE49-F238E27FC236}">
              <a16:creationId xmlns:a16="http://schemas.microsoft.com/office/drawing/2014/main" id="{AB5EE660-B923-4FB8-A1B3-1F366570A32A}"/>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7" name="正方形/長方形 746">
          <a:extLst>
            <a:ext uri="{FF2B5EF4-FFF2-40B4-BE49-F238E27FC236}">
              <a16:creationId xmlns:a16="http://schemas.microsoft.com/office/drawing/2014/main" id="{5D548423-283C-433B-B013-AEBB32B6C076}"/>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8" name="正方形/長方形 747">
          <a:extLst>
            <a:ext uri="{FF2B5EF4-FFF2-40B4-BE49-F238E27FC236}">
              <a16:creationId xmlns:a16="http://schemas.microsoft.com/office/drawing/2014/main" id="{A5586994-7321-4158-A3EC-065DEE553A4A}"/>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9" name="正方形/長方形 748">
          <a:extLst>
            <a:ext uri="{FF2B5EF4-FFF2-40B4-BE49-F238E27FC236}">
              <a16:creationId xmlns:a16="http://schemas.microsoft.com/office/drawing/2014/main" id="{19B02E06-3D80-4FA8-9DFC-696627A92737}"/>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50" name="正方形/長方形 749">
          <a:extLst>
            <a:ext uri="{FF2B5EF4-FFF2-40B4-BE49-F238E27FC236}">
              <a16:creationId xmlns:a16="http://schemas.microsoft.com/office/drawing/2014/main" id="{22EB0DAD-0EA4-4F43-B35D-3387E1A61B07}"/>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51" name="正方形/長方形 750">
          <a:extLst>
            <a:ext uri="{FF2B5EF4-FFF2-40B4-BE49-F238E27FC236}">
              <a16:creationId xmlns:a16="http://schemas.microsoft.com/office/drawing/2014/main" id="{CF2A5912-7DF7-42E6-980C-3877F6CCD181}"/>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2" name="正方形/長方形 751">
          <a:extLst>
            <a:ext uri="{FF2B5EF4-FFF2-40B4-BE49-F238E27FC236}">
              <a16:creationId xmlns:a16="http://schemas.microsoft.com/office/drawing/2014/main" id="{01696068-3C35-4F0C-B4E8-16F4EB57080B}"/>
            </a:ext>
          </a:extLst>
        </xdr:cNvPr>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3" name="テキスト ボックス 752">
          <a:extLst>
            <a:ext uri="{FF2B5EF4-FFF2-40B4-BE49-F238E27FC236}">
              <a16:creationId xmlns:a16="http://schemas.microsoft.com/office/drawing/2014/main" id="{CEB5F381-5990-45D1-B628-9435EACB67D1}"/>
            </a:ext>
          </a:extLst>
        </xdr:cNvPr>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4" name="直線コネクタ 753">
          <a:extLst>
            <a:ext uri="{FF2B5EF4-FFF2-40B4-BE49-F238E27FC236}">
              <a16:creationId xmlns:a16="http://schemas.microsoft.com/office/drawing/2014/main" id="{6D19A68F-8EC9-4B80-8F4E-77756D0552C0}"/>
            </a:ext>
          </a:extLst>
        </xdr:cNvPr>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5" name="テキスト ボックス 754">
          <a:extLst>
            <a:ext uri="{FF2B5EF4-FFF2-40B4-BE49-F238E27FC236}">
              <a16:creationId xmlns:a16="http://schemas.microsoft.com/office/drawing/2014/main" id="{8A920A95-E009-4C3B-81F8-7DCC9497E89B}"/>
            </a:ext>
          </a:extLst>
        </xdr:cNvPr>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6" name="直線コネクタ 755">
          <a:extLst>
            <a:ext uri="{FF2B5EF4-FFF2-40B4-BE49-F238E27FC236}">
              <a16:creationId xmlns:a16="http://schemas.microsoft.com/office/drawing/2014/main" id="{EA3FBFA7-0F26-43D7-A5F2-330B10681DEA}"/>
            </a:ext>
          </a:extLst>
        </xdr:cNvPr>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7" name="テキスト ボックス 756">
          <a:extLst>
            <a:ext uri="{FF2B5EF4-FFF2-40B4-BE49-F238E27FC236}">
              <a16:creationId xmlns:a16="http://schemas.microsoft.com/office/drawing/2014/main" id="{6348BD08-139A-4414-9457-A3B7EF97D6F5}"/>
            </a:ext>
          </a:extLst>
        </xdr:cNvPr>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8" name="直線コネクタ 757">
          <a:extLst>
            <a:ext uri="{FF2B5EF4-FFF2-40B4-BE49-F238E27FC236}">
              <a16:creationId xmlns:a16="http://schemas.microsoft.com/office/drawing/2014/main" id="{C97F3448-B193-43E4-91F3-B8929A975796}"/>
            </a:ext>
          </a:extLst>
        </xdr:cNvPr>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9" name="テキスト ボックス 758">
          <a:extLst>
            <a:ext uri="{FF2B5EF4-FFF2-40B4-BE49-F238E27FC236}">
              <a16:creationId xmlns:a16="http://schemas.microsoft.com/office/drawing/2014/main" id="{6A4812BC-60E4-4326-9FFD-6EBEAAFE5133}"/>
            </a:ext>
          </a:extLst>
        </xdr:cNvPr>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60" name="直線コネクタ 759">
          <a:extLst>
            <a:ext uri="{FF2B5EF4-FFF2-40B4-BE49-F238E27FC236}">
              <a16:creationId xmlns:a16="http://schemas.microsoft.com/office/drawing/2014/main" id="{71601079-E083-4BAE-8A0E-C3E3DCA7F373}"/>
            </a:ext>
          </a:extLst>
        </xdr:cNvPr>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61" name="テキスト ボックス 760">
          <a:extLst>
            <a:ext uri="{FF2B5EF4-FFF2-40B4-BE49-F238E27FC236}">
              <a16:creationId xmlns:a16="http://schemas.microsoft.com/office/drawing/2014/main" id="{4ABB0E31-B0AE-4AAE-BA70-174CC3579871}"/>
            </a:ext>
          </a:extLst>
        </xdr:cNvPr>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62" name="直線コネクタ 761">
          <a:extLst>
            <a:ext uri="{FF2B5EF4-FFF2-40B4-BE49-F238E27FC236}">
              <a16:creationId xmlns:a16="http://schemas.microsoft.com/office/drawing/2014/main" id="{E93ED905-4ED3-4D13-8EC7-ECB69E557BBB}"/>
            </a:ext>
          </a:extLst>
        </xdr:cNvPr>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63" name="テキスト ボックス 762">
          <a:extLst>
            <a:ext uri="{FF2B5EF4-FFF2-40B4-BE49-F238E27FC236}">
              <a16:creationId xmlns:a16="http://schemas.microsoft.com/office/drawing/2014/main" id="{D73E21F6-0913-49D6-A387-21D83B43613D}"/>
            </a:ext>
          </a:extLst>
        </xdr:cNvPr>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4" name="直線コネクタ 763">
          <a:extLst>
            <a:ext uri="{FF2B5EF4-FFF2-40B4-BE49-F238E27FC236}">
              <a16:creationId xmlns:a16="http://schemas.microsoft.com/office/drawing/2014/main" id="{14049B2D-9CB6-4E5A-99AD-54377C83152D}"/>
            </a:ext>
          </a:extLst>
        </xdr:cNvPr>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5" name="テキスト ボックス 764">
          <a:extLst>
            <a:ext uri="{FF2B5EF4-FFF2-40B4-BE49-F238E27FC236}">
              <a16:creationId xmlns:a16="http://schemas.microsoft.com/office/drawing/2014/main" id="{79D29242-AACD-4076-8874-B6B1A326924C}"/>
            </a:ext>
          </a:extLst>
        </xdr:cNvPr>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6" name="直線コネクタ 765">
          <a:extLst>
            <a:ext uri="{FF2B5EF4-FFF2-40B4-BE49-F238E27FC236}">
              <a16:creationId xmlns:a16="http://schemas.microsoft.com/office/drawing/2014/main" id="{71DC91FE-939C-4297-94C1-15F1CCC66130}"/>
            </a:ext>
          </a:extLst>
        </xdr:cNvPr>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7" name="テキスト ボックス 766">
          <a:extLst>
            <a:ext uri="{FF2B5EF4-FFF2-40B4-BE49-F238E27FC236}">
              <a16:creationId xmlns:a16="http://schemas.microsoft.com/office/drawing/2014/main" id="{73EFD50C-47C1-4BBA-BABD-DB40D3E5480A}"/>
            </a:ext>
          </a:extLst>
        </xdr:cNvPr>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8" name="直線コネクタ 767">
          <a:extLst>
            <a:ext uri="{FF2B5EF4-FFF2-40B4-BE49-F238E27FC236}">
              <a16:creationId xmlns:a16="http://schemas.microsoft.com/office/drawing/2014/main" id="{92EDF631-DB84-43E8-B291-99F69320A3A7}"/>
            </a:ext>
          </a:extLst>
        </xdr:cNvPr>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9" name="【庁舎】&#10;有形固定資産減価償却率グラフ枠">
          <a:extLst>
            <a:ext uri="{FF2B5EF4-FFF2-40B4-BE49-F238E27FC236}">
              <a16:creationId xmlns:a16="http://schemas.microsoft.com/office/drawing/2014/main" id="{30952837-17C7-4EC3-93FB-95BF0F19B93E}"/>
            </a:ext>
          </a:extLst>
        </xdr:cNvPr>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2721</xdr:rowOff>
    </xdr:from>
    <xdr:to>
      <xdr:col>85</xdr:col>
      <xdr:colOff>126364</xdr:colOff>
      <xdr:row>109</xdr:row>
      <xdr:rowOff>19050</xdr:rowOff>
    </xdr:to>
    <xdr:cxnSp macro="">
      <xdr:nvCxnSpPr>
        <xdr:cNvPr id="770" name="直線コネクタ 769">
          <a:extLst>
            <a:ext uri="{FF2B5EF4-FFF2-40B4-BE49-F238E27FC236}">
              <a16:creationId xmlns:a16="http://schemas.microsoft.com/office/drawing/2014/main" id="{74BD4D0F-661D-4CDA-8A78-482092B0CDA7}"/>
            </a:ext>
          </a:extLst>
        </xdr:cNvPr>
        <xdr:cNvCxnSpPr/>
      </xdr:nvCxnSpPr>
      <xdr:spPr>
        <a:xfrm flipV="1">
          <a:off x="14375764" y="16766721"/>
          <a:ext cx="0" cy="15250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22877</xdr:rowOff>
    </xdr:from>
    <xdr:ext cx="405111" cy="259045"/>
    <xdr:sp macro="" textlink="">
      <xdr:nvSpPr>
        <xdr:cNvPr id="771" name="【庁舎】&#10;有形固定資産減価償却率最小値テキスト">
          <a:extLst>
            <a:ext uri="{FF2B5EF4-FFF2-40B4-BE49-F238E27FC236}">
              <a16:creationId xmlns:a16="http://schemas.microsoft.com/office/drawing/2014/main" id="{62F4B0AD-BCE6-41B1-9457-2FCF31976701}"/>
            </a:ext>
          </a:extLst>
        </xdr:cNvPr>
        <xdr:cNvSpPr txBox="1"/>
      </xdr:nvSpPr>
      <xdr:spPr>
        <a:xfrm>
          <a:off x="14414500" y="1829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19050</xdr:rowOff>
    </xdr:from>
    <xdr:to>
      <xdr:col>86</xdr:col>
      <xdr:colOff>25400</xdr:colOff>
      <xdr:row>109</xdr:row>
      <xdr:rowOff>19050</xdr:rowOff>
    </xdr:to>
    <xdr:cxnSp macro="">
      <xdr:nvCxnSpPr>
        <xdr:cNvPr id="772" name="直線コネクタ 771">
          <a:extLst>
            <a:ext uri="{FF2B5EF4-FFF2-40B4-BE49-F238E27FC236}">
              <a16:creationId xmlns:a16="http://schemas.microsoft.com/office/drawing/2014/main" id="{6B9EB6C0-B821-4B3F-9F21-F001F70E24F8}"/>
            </a:ext>
          </a:extLst>
        </xdr:cNvPr>
        <xdr:cNvCxnSpPr/>
      </xdr:nvCxnSpPr>
      <xdr:spPr>
        <a:xfrm>
          <a:off x="14287500" y="18291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0848</xdr:rowOff>
    </xdr:from>
    <xdr:ext cx="340478" cy="259045"/>
    <xdr:sp macro="" textlink="">
      <xdr:nvSpPr>
        <xdr:cNvPr id="773" name="【庁舎】&#10;有形固定資産減価償却率最大値テキスト">
          <a:extLst>
            <a:ext uri="{FF2B5EF4-FFF2-40B4-BE49-F238E27FC236}">
              <a16:creationId xmlns:a16="http://schemas.microsoft.com/office/drawing/2014/main" id="{A4AFDCBE-29AE-4E89-B52D-DD261E85C59F}"/>
            </a:ext>
          </a:extLst>
        </xdr:cNvPr>
        <xdr:cNvSpPr txBox="1"/>
      </xdr:nvSpPr>
      <xdr:spPr>
        <a:xfrm>
          <a:off x="14414500" y="1654956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2721</xdr:rowOff>
    </xdr:from>
    <xdr:to>
      <xdr:col>86</xdr:col>
      <xdr:colOff>25400</xdr:colOff>
      <xdr:row>100</xdr:row>
      <xdr:rowOff>2721</xdr:rowOff>
    </xdr:to>
    <xdr:cxnSp macro="">
      <xdr:nvCxnSpPr>
        <xdr:cNvPr id="774" name="直線コネクタ 773">
          <a:extLst>
            <a:ext uri="{FF2B5EF4-FFF2-40B4-BE49-F238E27FC236}">
              <a16:creationId xmlns:a16="http://schemas.microsoft.com/office/drawing/2014/main" id="{536006FE-9324-4DD3-A7B9-965DF16595D7}"/>
            </a:ext>
          </a:extLst>
        </xdr:cNvPr>
        <xdr:cNvCxnSpPr/>
      </xdr:nvCxnSpPr>
      <xdr:spPr>
        <a:xfrm>
          <a:off x="14287500" y="1676672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49547</xdr:rowOff>
    </xdr:from>
    <xdr:ext cx="405111" cy="259045"/>
    <xdr:sp macro="" textlink="">
      <xdr:nvSpPr>
        <xdr:cNvPr id="775" name="【庁舎】&#10;有形固定資産減価償却率平均値テキスト">
          <a:extLst>
            <a:ext uri="{FF2B5EF4-FFF2-40B4-BE49-F238E27FC236}">
              <a16:creationId xmlns:a16="http://schemas.microsoft.com/office/drawing/2014/main" id="{0284F523-6328-4633-85BE-0AB5B24D7E20}"/>
            </a:ext>
          </a:extLst>
        </xdr:cNvPr>
        <xdr:cNvSpPr txBox="1"/>
      </xdr:nvSpPr>
      <xdr:spPr>
        <a:xfrm>
          <a:off x="14414500" y="17484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1120</xdr:rowOff>
    </xdr:from>
    <xdr:to>
      <xdr:col>85</xdr:col>
      <xdr:colOff>177800</xdr:colOff>
      <xdr:row>105</xdr:row>
      <xdr:rowOff>1270</xdr:rowOff>
    </xdr:to>
    <xdr:sp macro="" textlink="">
      <xdr:nvSpPr>
        <xdr:cNvPr id="776" name="フローチャート: 判断 775">
          <a:extLst>
            <a:ext uri="{FF2B5EF4-FFF2-40B4-BE49-F238E27FC236}">
              <a16:creationId xmlns:a16="http://schemas.microsoft.com/office/drawing/2014/main" id="{7D5DD562-CB15-4B64-954A-564F25E2DCC7}"/>
            </a:ext>
          </a:extLst>
        </xdr:cNvPr>
        <xdr:cNvSpPr/>
      </xdr:nvSpPr>
      <xdr:spPr>
        <a:xfrm>
          <a:off x="14325600" y="1750568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66221</xdr:rowOff>
    </xdr:from>
    <xdr:to>
      <xdr:col>81</xdr:col>
      <xdr:colOff>101600</xdr:colOff>
      <xdr:row>104</xdr:row>
      <xdr:rowOff>167821</xdr:rowOff>
    </xdr:to>
    <xdr:sp macro="" textlink="">
      <xdr:nvSpPr>
        <xdr:cNvPr id="777" name="フローチャート: 判断 776">
          <a:extLst>
            <a:ext uri="{FF2B5EF4-FFF2-40B4-BE49-F238E27FC236}">
              <a16:creationId xmlns:a16="http://schemas.microsoft.com/office/drawing/2014/main" id="{A3D4237E-2301-41C1-BA68-DE6DE13619CF}"/>
            </a:ext>
          </a:extLst>
        </xdr:cNvPr>
        <xdr:cNvSpPr/>
      </xdr:nvSpPr>
      <xdr:spPr>
        <a:xfrm>
          <a:off x="13578840" y="1750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8879</xdr:rowOff>
    </xdr:from>
    <xdr:to>
      <xdr:col>76</xdr:col>
      <xdr:colOff>165100</xdr:colOff>
      <xdr:row>105</xdr:row>
      <xdr:rowOff>29029</xdr:rowOff>
    </xdr:to>
    <xdr:sp macro="" textlink="">
      <xdr:nvSpPr>
        <xdr:cNvPr id="778" name="フローチャート: 判断 777">
          <a:extLst>
            <a:ext uri="{FF2B5EF4-FFF2-40B4-BE49-F238E27FC236}">
              <a16:creationId xmlns:a16="http://schemas.microsoft.com/office/drawing/2014/main" id="{B23E5E25-02B4-4397-B38D-B248CAD76DE2}"/>
            </a:ext>
          </a:extLst>
        </xdr:cNvPr>
        <xdr:cNvSpPr/>
      </xdr:nvSpPr>
      <xdr:spPr>
        <a:xfrm>
          <a:off x="12804140" y="1753343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4182</xdr:rowOff>
    </xdr:from>
    <xdr:to>
      <xdr:col>72</xdr:col>
      <xdr:colOff>38100</xdr:colOff>
      <xdr:row>105</xdr:row>
      <xdr:rowOff>14332</xdr:rowOff>
    </xdr:to>
    <xdr:sp macro="" textlink="">
      <xdr:nvSpPr>
        <xdr:cNvPr id="779" name="フローチャート: 判断 778">
          <a:extLst>
            <a:ext uri="{FF2B5EF4-FFF2-40B4-BE49-F238E27FC236}">
              <a16:creationId xmlns:a16="http://schemas.microsoft.com/office/drawing/2014/main" id="{75CE724C-F66B-4E3A-B5BE-F53B88998AC0}"/>
            </a:ext>
          </a:extLst>
        </xdr:cNvPr>
        <xdr:cNvSpPr/>
      </xdr:nvSpPr>
      <xdr:spPr>
        <a:xfrm>
          <a:off x="12029440" y="1751874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72752</xdr:rowOff>
    </xdr:from>
    <xdr:to>
      <xdr:col>67</xdr:col>
      <xdr:colOff>101600</xdr:colOff>
      <xdr:row>105</xdr:row>
      <xdr:rowOff>2902</xdr:rowOff>
    </xdr:to>
    <xdr:sp macro="" textlink="">
      <xdr:nvSpPr>
        <xdr:cNvPr id="780" name="フローチャート: 判断 779">
          <a:extLst>
            <a:ext uri="{FF2B5EF4-FFF2-40B4-BE49-F238E27FC236}">
              <a16:creationId xmlns:a16="http://schemas.microsoft.com/office/drawing/2014/main" id="{182EB4C8-14F1-4A34-94AF-81640311352D}"/>
            </a:ext>
          </a:extLst>
        </xdr:cNvPr>
        <xdr:cNvSpPr/>
      </xdr:nvSpPr>
      <xdr:spPr>
        <a:xfrm>
          <a:off x="11231880" y="1750731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id="{F918DD9C-70CB-41D2-A089-AE66BC3F0BF7}"/>
            </a:ext>
          </a:extLst>
        </xdr:cNvPr>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82" name="テキスト ボックス 781">
          <a:extLst>
            <a:ext uri="{FF2B5EF4-FFF2-40B4-BE49-F238E27FC236}">
              <a16:creationId xmlns:a16="http://schemas.microsoft.com/office/drawing/2014/main" id="{C6DB457B-32C9-4957-98A6-F80F1243541C}"/>
            </a:ext>
          </a:extLst>
        </xdr:cNvPr>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83" name="テキスト ボックス 782">
          <a:extLst>
            <a:ext uri="{FF2B5EF4-FFF2-40B4-BE49-F238E27FC236}">
              <a16:creationId xmlns:a16="http://schemas.microsoft.com/office/drawing/2014/main" id="{24430EA1-2E7A-448E-AAEB-3C397C3E5316}"/>
            </a:ext>
          </a:extLst>
        </xdr:cNvPr>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4" name="テキスト ボックス 783">
          <a:extLst>
            <a:ext uri="{FF2B5EF4-FFF2-40B4-BE49-F238E27FC236}">
              <a16:creationId xmlns:a16="http://schemas.microsoft.com/office/drawing/2014/main" id="{9564DBA2-1B94-4B80-AD53-072636261417}"/>
            </a:ext>
          </a:extLst>
        </xdr:cNvPr>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5" name="テキスト ボックス 784">
          <a:extLst>
            <a:ext uri="{FF2B5EF4-FFF2-40B4-BE49-F238E27FC236}">
              <a16:creationId xmlns:a16="http://schemas.microsoft.com/office/drawing/2014/main" id="{C293862D-5430-4C82-B33E-59F9F1733C74}"/>
            </a:ext>
          </a:extLst>
        </xdr:cNvPr>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41332</xdr:rowOff>
    </xdr:from>
    <xdr:to>
      <xdr:col>85</xdr:col>
      <xdr:colOff>177800</xdr:colOff>
      <xdr:row>103</xdr:row>
      <xdr:rowOff>71482</xdr:rowOff>
    </xdr:to>
    <xdr:sp macro="" textlink="">
      <xdr:nvSpPr>
        <xdr:cNvPr id="786" name="楕円 785">
          <a:extLst>
            <a:ext uri="{FF2B5EF4-FFF2-40B4-BE49-F238E27FC236}">
              <a16:creationId xmlns:a16="http://schemas.microsoft.com/office/drawing/2014/main" id="{6A9F2C31-6EDC-4866-AEC7-D66561CA1C7E}"/>
            </a:ext>
          </a:extLst>
        </xdr:cNvPr>
        <xdr:cNvSpPr/>
      </xdr:nvSpPr>
      <xdr:spPr>
        <a:xfrm>
          <a:off x="14325600" y="17240612"/>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164209</xdr:rowOff>
    </xdr:from>
    <xdr:ext cx="405111" cy="259045"/>
    <xdr:sp macro="" textlink="">
      <xdr:nvSpPr>
        <xdr:cNvPr id="787" name="【庁舎】&#10;有形固定資産減価償却率該当値テキスト">
          <a:extLst>
            <a:ext uri="{FF2B5EF4-FFF2-40B4-BE49-F238E27FC236}">
              <a16:creationId xmlns:a16="http://schemas.microsoft.com/office/drawing/2014/main" id="{97FBCFE2-46BA-489F-B102-81BF29F0518E}"/>
            </a:ext>
          </a:extLst>
        </xdr:cNvPr>
        <xdr:cNvSpPr txBox="1"/>
      </xdr:nvSpPr>
      <xdr:spPr>
        <a:xfrm>
          <a:off x="14414500" y="170958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110308</xdr:rowOff>
    </xdr:from>
    <xdr:to>
      <xdr:col>81</xdr:col>
      <xdr:colOff>101600</xdr:colOff>
      <xdr:row>103</xdr:row>
      <xdr:rowOff>40458</xdr:rowOff>
    </xdr:to>
    <xdr:sp macro="" textlink="">
      <xdr:nvSpPr>
        <xdr:cNvPr id="788" name="楕円 787">
          <a:extLst>
            <a:ext uri="{FF2B5EF4-FFF2-40B4-BE49-F238E27FC236}">
              <a16:creationId xmlns:a16="http://schemas.microsoft.com/office/drawing/2014/main" id="{057C3F46-924B-49E0-9525-C37FE01B7EAC}"/>
            </a:ext>
          </a:extLst>
        </xdr:cNvPr>
        <xdr:cNvSpPr/>
      </xdr:nvSpPr>
      <xdr:spPr>
        <a:xfrm>
          <a:off x="13578840" y="172095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61108</xdr:rowOff>
    </xdr:from>
    <xdr:to>
      <xdr:col>85</xdr:col>
      <xdr:colOff>127000</xdr:colOff>
      <xdr:row>103</xdr:row>
      <xdr:rowOff>20682</xdr:rowOff>
    </xdr:to>
    <xdr:cxnSp macro="">
      <xdr:nvCxnSpPr>
        <xdr:cNvPr id="789" name="直線コネクタ 788">
          <a:extLst>
            <a:ext uri="{FF2B5EF4-FFF2-40B4-BE49-F238E27FC236}">
              <a16:creationId xmlns:a16="http://schemas.microsoft.com/office/drawing/2014/main" id="{F341DEFA-A165-4DA7-8504-055BA22ECFD6}"/>
            </a:ext>
          </a:extLst>
        </xdr:cNvPr>
        <xdr:cNvCxnSpPr/>
      </xdr:nvCxnSpPr>
      <xdr:spPr>
        <a:xfrm>
          <a:off x="13629640" y="17260388"/>
          <a:ext cx="746760" cy="27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77651</xdr:rowOff>
    </xdr:from>
    <xdr:to>
      <xdr:col>76</xdr:col>
      <xdr:colOff>165100</xdr:colOff>
      <xdr:row>103</xdr:row>
      <xdr:rowOff>7801</xdr:rowOff>
    </xdr:to>
    <xdr:sp macro="" textlink="">
      <xdr:nvSpPr>
        <xdr:cNvPr id="790" name="楕円 789">
          <a:extLst>
            <a:ext uri="{FF2B5EF4-FFF2-40B4-BE49-F238E27FC236}">
              <a16:creationId xmlns:a16="http://schemas.microsoft.com/office/drawing/2014/main" id="{CA815FE2-FF73-41D4-98C9-45EB53B76131}"/>
            </a:ext>
          </a:extLst>
        </xdr:cNvPr>
        <xdr:cNvSpPr/>
      </xdr:nvSpPr>
      <xdr:spPr>
        <a:xfrm>
          <a:off x="12804140" y="1717693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128451</xdr:rowOff>
    </xdr:from>
    <xdr:to>
      <xdr:col>81</xdr:col>
      <xdr:colOff>50800</xdr:colOff>
      <xdr:row>102</xdr:row>
      <xdr:rowOff>161108</xdr:rowOff>
    </xdr:to>
    <xdr:cxnSp macro="">
      <xdr:nvCxnSpPr>
        <xdr:cNvPr id="791" name="直線コネクタ 790">
          <a:extLst>
            <a:ext uri="{FF2B5EF4-FFF2-40B4-BE49-F238E27FC236}">
              <a16:creationId xmlns:a16="http://schemas.microsoft.com/office/drawing/2014/main" id="{6A388E0D-D9CA-4DEC-8E32-BF4517889C82}"/>
            </a:ext>
          </a:extLst>
        </xdr:cNvPr>
        <xdr:cNvCxnSpPr/>
      </xdr:nvCxnSpPr>
      <xdr:spPr>
        <a:xfrm>
          <a:off x="12854940" y="17227731"/>
          <a:ext cx="7747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44994</xdr:rowOff>
    </xdr:from>
    <xdr:to>
      <xdr:col>72</xdr:col>
      <xdr:colOff>38100</xdr:colOff>
      <xdr:row>102</xdr:row>
      <xdr:rowOff>146594</xdr:rowOff>
    </xdr:to>
    <xdr:sp macro="" textlink="">
      <xdr:nvSpPr>
        <xdr:cNvPr id="792" name="楕円 791">
          <a:extLst>
            <a:ext uri="{FF2B5EF4-FFF2-40B4-BE49-F238E27FC236}">
              <a16:creationId xmlns:a16="http://schemas.microsoft.com/office/drawing/2014/main" id="{829CD0A4-92D9-409C-A07C-D2BC9A1C5BE1}"/>
            </a:ext>
          </a:extLst>
        </xdr:cNvPr>
        <xdr:cNvSpPr/>
      </xdr:nvSpPr>
      <xdr:spPr>
        <a:xfrm>
          <a:off x="12029440" y="1714427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95794</xdr:rowOff>
    </xdr:from>
    <xdr:to>
      <xdr:col>76</xdr:col>
      <xdr:colOff>114300</xdr:colOff>
      <xdr:row>102</xdr:row>
      <xdr:rowOff>128451</xdr:rowOff>
    </xdr:to>
    <xdr:cxnSp macro="">
      <xdr:nvCxnSpPr>
        <xdr:cNvPr id="793" name="直線コネクタ 792">
          <a:extLst>
            <a:ext uri="{FF2B5EF4-FFF2-40B4-BE49-F238E27FC236}">
              <a16:creationId xmlns:a16="http://schemas.microsoft.com/office/drawing/2014/main" id="{63684E6F-6CDC-485C-A7DE-023F8B0101D9}"/>
            </a:ext>
          </a:extLst>
        </xdr:cNvPr>
        <xdr:cNvCxnSpPr/>
      </xdr:nvCxnSpPr>
      <xdr:spPr>
        <a:xfrm>
          <a:off x="12072620" y="17195074"/>
          <a:ext cx="78232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10705</xdr:rowOff>
    </xdr:from>
    <xdr:to>
      <xdr:col>67</xdr:col>
      <xdr:colOff>101600</xdr:colOff>
      <xdr:row>102</xdr:row>
      <xdr:rowOff>112305</xdr:rowOff>
    </xdr:to>
    <xdr:sp macro="" textlink="">
      <xdr:nvSpPr>
        <xdr:cNvPr id="794" name="楕円 793">
          <a:extLst>
            <a:ext uri="{FF2B5EF4-FFF2-40B4-BE49-F238E27FC236}">
              <a16:creationId xmlns:a16="http://schemas.microsoft.com/office/drawing/2014/main" id="{90FD2921-B686-4219-9C71-071693278373}"/>
            </a:ext>
          </a:extLst>
        </xdr:cNvPr>
        <xdr:cNvSpPr/>
      </xdr:nvSpPr>
      <xdr:spPr>
        <a:xfrm>
          <a:off x="11231880" y="17109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61505</xdr:rowOff>
    </xdr:from>
    <xdr:to>
      <xdr:col>71</xdr:col>
      <xdr:colOff>177800</xdr:colOff>
      <xdr:row>102</xdr:row>
      <xdr:rowOff>95794</xdr:rowOff>
    </xdr:to>
    <xdr:cxnSp macro="">
      <xdr:nvCxnSpPr>
        <xdr:cNvPr id="795" name="直線コネクタ 794">
          <a:extLst>
            <a:ext uri="{FF2B5EF4-FFF2-40B4-BE49-F238E27FC236}">
              <a16:creationId xmlns:a16="http://schemas.microsoft.com/office/drawing/2014/main" id="{47EAC7D1-7F6A-4E6B-8480-02EE657EA862}"/>
            </a:ext>
          </a:extLst>
        </xdr:cNvPr>
        <xdr:cNvCxnSpPr/>
      </xdr:nvCxnSpPr>
      <xdr:spPr>
        <a:xfrm>
          <a:off x="11282680" y="17160785"/>
          <a:ext cx="78994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58948</xdr:rowOff>
    </xdr:from>
    <xdr:ext cx="405111" cy="259045"/>
    <xdr:sp macro="" textlink="">
      <xdr:nvSpPr>
        <xdr:cNvPr id="796" name="n_1aveValue【庁舎】&#10;有形固定資産減価償却率">
          <a:extLst>
            <a:ext uri="{FF2B5EF4-FFF2-40B4-BE49-F238E27FC236}">
              <a16:creationId xmlns:a16="http://schemas.microsoft.com/office/drawing/2014/main" id="{83374644-A0FD-4D0E-B6D2-B5785730D028}"/>
            </a:ext>
          </a:extLst>
        </xdr:cNvPr>
        <xdr:cNvSpPr txBox="1"/>
      </xdr:nvSpPr>
      <xdr:spPr>
        <a:xfrm>
          <a:off x="13437244" y="17593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20156</xdr:rowOff>
    </xdr:from>
    <xdr:ext cx="405111" cy="259045"/>
    <xdr:sp macro="" textlink="">
      <xdr:nvSpPr>
        <xdr:cNvPr id="797" name="n_2aveValue【庁舎】&#10;有形固定資産減価償却率">
          <a:extLst>
            <a:ext uri="{FF2B5EF4-FFF2-40B4-BE49-F238E27FC236}">
              <a16:creationId xmlns:a16="http://schemas.microsoft.com/office/drawing/2014/main" id="{6D10B380-C78E-4060-AB40-A92848FD3733}"/>
            </a:ext>
          </a:extLst>
        </xdr:cNvPr>
        <xdr:cNvSpPr txBox="1"/>
      </xdr:nvSpPr>
      <xdr:spPr>
        <a:xfrm>
          <a:off x="12675244" y="176223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5459</xdr:rowOff>
    </xdr:from>
    <xdr:ext cx="405111" cy="259045"/>
    <xdr:sp macro="" textlink="">
      <xdr:nvSpPr>
        <xdr:cNvPr id="798" name="n_3aveValue【庁舎】&#10;有形固定資産減価償却率">
          <a:extLst>
            <a:ext uri="{FF2B5EF4-FFF2-40B4-BE49-F238E27FC236}">
              <a16:creationId xmlns:a16="http://schemas.microsoft.com/office/drawing/2014/main" id="{0A333042-BC55-45ED-941F-333A34A511EC}"/>
            </a:ext>
          </a:extLst>
        </xdr:cNvPr>
        <xdr:cNvSpPr txBox="1"/>
      </xdr:nvSpPr>
      <xdr:spPr>
        <a:xfrm>
          <a:off x="11900544" y="17607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65479</xdr:rowOff>
    </xdr:from>
    <xdr:ext cx="405111" cy="259045"/>
    <xdr:sp macro="" textlink="">
      <xdr:nvSpPr>
        <xdr:cNvPr id="799" name="n_4aveValue【庁舎】&#10;有形固定資産減価償却率">
          <a:extLst>
            <a:ext uri="{FF2B5EF4-FFF2-40B4-BE49-F238E27FC236}">
              <a16:creationId xmlns:a16="http://schemas.microsoft.com/office/drawing/2014/main" id="{75764F69-B784-47D8-B654-5C28AD204ECF}"/>
            </a:ext>
          </a:extLst>
        </xdr:cNvPr>
        <xdr:cNvSpPr txBox="1"/>
      </xdr:nvSpPr>
      <xdr:spPr>
        <a:xfrm>
          <a:off x="11102984" y="176000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56985</xdr:rowOff>
    </xdr:from>
    <xdr:ext cx="405111" cy="259045"/>
    <xdr:sp macro="" textlink="">
      <xdr:nvSpPr>
        <xdr:cNvPr id="800" name="n_1mainValue【庁舎】&#10;有形固定資産減価償却率">
          <a:extLst>
            <a:ext uri="{FF2B5EF4-FFF2-40B4-BE49-F238E27FC236}">
              <a16:creationId xmlns:a16="http://schemas.microsoft.com/office/drawing/2014/main" id="{8FF2BAA9-3855-46AE-9D40-931F7F8EAB33}"/>
            </a:ext>
          </a:extLst>
        </xdr:cNvPr>
        <xdr:cNvSpPr txBox="1"/>
      </xdr:nvSpPr>
      <xdr:spPr>
        <a:xfrm>
          <a:off x="13437244" y="16988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24328</xdr:rowOff>
    </xdr:from>
    <xdr:ext cx="405111" cy="259045"/>
    <xdr:sp macro="" textlink="">
      <xdr:nvSpPr>
        <xdr:cNvPr id="801" name="n_2mainValue【庁舎】&#10;有形固定資産減価償却率">
          <a:extLst>
            <a:ext uri="{FF2B5EF4-FFF2-40B4-BE49-F238E27FC236}">
              <a16:creationId xmlns:a16="http://schemas.microsoft.com/office/drawing/2014/main" id="{D0B6EDC3-FC8F-47DA-BD94-46F066D1F2BC}"/>
            </a:ext>
          </a:extLst>
        </xdr:cNvPr>
        <xdr:cNvSpPr txBox="1"/>
      </xdr:nvSpPr>
      <xdr:spPr>
        <a:xfrm>
          <a:off x="12675244" y="169559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163121</xdr:rowOff>
    </xdr:from>
    <xdr:ext cx="405111" cy="259045"/>
    <xdr:sp macro="" textlink="">
      <xdr:nvSpPr>
        <xdr:cNvPr id="802" name="n_3mainValue【庁舎】&#10;有形固定資産減価償却率">
          <a:extLst>
            <a:ext uri="{FF2B5EF4-FFF2-40B4-BE49-F238E27FC236}">
              <a16:creationId xmlns:a16="http://schemas.microsoft.com/office/drawing/2014/main" id="{DA9A79C9-D1E5-400B-A6E5-18A59F04A10D}"/>
            </a:ext>
          </a:extLst>
        </xdr:cNvPr>
        <xdr:cNvSpPr txBox="1"/>
      </xdr:nvSpPr>
      <xdr:spPr>
        <a:xfrm>
          <a:off x="11900544" y="1692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0</xdr:row>
      <xdr:rowOff>128832</xdr:rowOff>
    </xdr:from>
    <xdr:ext cx="405111" cy="259045"/>
    <xdr:sp macro="" textlink="">
      <xdr:nvSpPr>
        <xdr:cNvPr id="803" name="n_4mainValue【庁舎】&#10;有形固定資産減価償却率">
          <a:extLst>
            <a:ext uri="{FF2B5EF4-FFF2-40B4-BE49-F238E27FC236}">
              <a16:creationId xmlns:a16="http://schemas.microsoft.com/office/drawing/2014/main" id="{7509ACEF-59D2-4540-B578-3F7AE0631671}"/>
            </a:ext>
          </a:extLst>
        </xdr:cNvPr>
        <xdr:cNvSpPr txBox="1"/>
      </xdr:nvSpPr>
      <xdr:spPr>
        <a:xfrm>
          <a:off x="11102984" y="1689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4" name="正方形/長方形 803">
          <a:extLst>
            <a:ext uri="{FF2B5EF4-FFF2-40B4-BE49-F238E27FC236}">
              <a16:creationId xmlns:a16="http://schemas.microsoft.com/office/drawing/2014/main" id="{032917C9-7CA6-4D69-A0E7-402479060FF2}"/>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5" name="正方形/長方形 804">
          <a:extLst>
            <a:ext uri="{FF2B5EF4-FFF2-40B4-BE49-F238E27FC236}">
              <a16:creationId xmlns:a16="http://schemas.microsoft.com/office/drawing/2014/main" id="{313121C5-9261-4AB4-B487-A075A8E6E9FE}"/>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6" name="正方形/長方形 805">
          <a:extLst>
            <a:ext uri="{FF2B5EF4-FFF2-40B4-BE49-F238E27FC236}">
              <a16:creationId xmlns:a16="http://schemas.microsoft.com/office/drawing/2014/main" id="{50E42127-0F92-4356-844F-4268C47EEC75}"/>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7" name="正方形/長方形 806">
          <a:extLst>
            <a:ext uri="{FF2B5EF4-FFF2-40B4-BE49-F238E27FC236}">
              <a16:creationId xmlns:a16="http://schemas.microsoft.com/office/drawing/2014/main" id="{D864194F-006E-44D0-87D0-4CA3E700BF18}"/>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8" name="正方形/長方形 807">
          <a:extLst>
            <a:ext uri="{FF2B5EF4-FFF2-40B4-BE49-F238E27FC236}">
              <a16:creationId xmlns:a16="http://schemas.microsoft.com/office/drawing/2014/main" id="{4B08E117-6692-433E-ABD3-1FA5B512C769}"/>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9" name="正方形/長方形 808">
          <a:extLst>
            <a:ext uri="{FF2B5EF4-FFF2-40B4-BE49-F238E27FC236}">
              <a16:creationId xmlns:a16="http://schemas.microsoft.com/office/drawing/2014/main" id="{CCDD5B1D-D764-4F2F-9C94-B7F9734B1A07}"/>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10" name="正方形/長方形 809">
          <a:extLst>
            <a:ext uri="{FF2B5EF4-FFF2-40B4-BE49-F238E27FC236}">
              <a16:creationId xmlns:a16="http://schemas.microsoft.com/office/drawing/2014/main" id="{B3B7DD5E-5234-482F-9061-EB40D6407C9D}"/>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11" name="正方形/長方形 810">
          <a:extLst>
            <a:ext uri="{FF2B5EF4-FFF2-40B4-BE49-F238E27FC236}">
              <a16:creationId xmlns:a16="http://schemas.microsoft.com/office/drawing/2014/main" id="{A37ADDBA-AD56-4329-B487-075F31C34DFA}"/>
            </a:ext>
          </a:extLst>
        </xdr:cNvPr>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12" name="テキスト ボックス 811">
          <a:extLst>
            <a:ext uri="{FF2B5EF4-FFF2-40B4-BE49-F238E27FC236}">
              <a16:creationId xmlns:a16="http://schemas.microsoft.com/office/drawing/2014/main" id="{E70E25D8-6316-4108-B159-E680F8437272}"/>
            </a:ext>
          </a:extLst>
        </xdr:cNvPr>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3" name="直線コネクタ 812">
          <a:extLst>
            <a:ext uri="{FF2B5EF4-FFF2-40B4-BE49-F238E27FC236}">
              <a16:creationId xmlns:a16="http://schemas.microsoft.com/office/drawing/2014/main" id="{C87A52D0-11DF-4047-9FB8-F8014A7A9B86}"/>
            </a:ext>
          </a:extLst>
        </xdr:cNvPr>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14" name="直線コネクタ 813">
          <a:extLst>
            <a:ext uri="{FF2B5EF4-FFF2-40B4-BE49-F238E27FC236}">
              <a16:creationId xmlns:a16="http://schemas.microsoft.com/office/drawing/2014/main" id="{E4DC52A1-4652-4039-BA64-A7FEE7A0FE35}"/>
            </a:ext>
          </a:extLst>
        </xdr:cNvPr>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15" name="テキスト ボックス 814">
          <a:extLst>
            <a:ext uri="{FF2B5EF4-FFF2-40B4-BE49-F238E27FC236}">
              <a16:creationId xmlns:a16="http://schemas.microsoft.com/office/drawing/2014/main" id="{71922E2D-7432-4F4D-B844-B3D4274D7E99}"/>
            </a:ext>
          </a:extLst>
        </xdr:cNvPr>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6" name="直線コネクタ 815">
          <a:extLst>
            <a:ext uri="{FF2B5EF4-FFF2-40B4-BE49-F238E27FC236}">
              <a16:creationId xmlns:a16="http://schemas.microsoft.com/office/drawing/2014/main" id="{774FA6A5-61FC-4F87-8943-334A2598DAE7}"/>
            </a:ext>
          </a:extLst>
        </xdr:cNvPr>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7" name="テキスト ボックス 816">
          <a:extLst>
            <a:ext uri="{FF2B5EF4-FFF2-40B4-BE49-F238E27FC236}">
              <a16:creationId xmlns:a16="http://schemas.microsoft.com/office/drawing/2014/main" id="{50C6B157-ACFD-4712-AE75-4ABA9C795D70}"/>
            </a:ext>
          </a:extLst>
        </xdr:cNvPr>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8" name="直線コネクタ 817">
          <a:extLst>
            <a:ext uri="{FF2B5EF4-FFF2-40B4-BE49-F238E27FC236}">
              <a16:creationId xmlns:a16="http://schemas.microsoft.com/office/drawing/2014/main" id="{C2B9399B-D70B-4717-BE92-DCDB0E6C5150}"/>
            </a:ext>
          </a:extLst>
        </xdr:cNvPr>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19" name="テキスト ボックス 818">
          <a:extLst>
            <a:ext uri="{FF2B5EF4-FFF2-40B4-BE49-F238E27FC236}">
              <a16:creationId xmlns:a16="http://schemas.microsoft.com/office/drawing/2014/main" id="{0868566E-F48F-491A-8320-6D75F6A1D4A1}"/>
            </a:ext>
          </a:extLst>
        </xdr:cNvPr>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20" name="直線コネクタ 819">
          <a:extLst>
            <a:ext uri="{FF2B5EF4-FFF2-40B4-BE49-F238E27FC236}">
              <a16:creationId xmlns:a16="http://schemas.microsoft.com/office/drawing/2014/main" id="{BBB9A2D2-C3FC-4B0C-8114-4D17C6B1F91B}"/>
            </a:ext>
          </a:extLst>
        </xdr:cNvPr>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21" name="テキスト ボックス 820">
          <a:extLst>
            <a:ext uri="{FF2B5EF4-FFF2-40B4-BE49-F238E27FC236}">
              <a16:creationId xmlns:a16="http://schemas.microsoft.com/office/drawing/2014/main" id="{09E13A4C-68FB-404A-B049-045A0FED250A}"/>
            </a:ext>
          </a:extLst>
        </xdr:cNvPr>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22" name="直線コネクタ 821">
          <a:extLst>
            <a:ext uri="{FF2B5EF4-FFF2-40B4-BE49-F238E27FC236}">
              <a16:creationId xmlns:a16="http://schemas.microsoft.com/office/drawing/2014/main" id="{D500D876-FE5A-42E8-8EAD-9D631EB2D48B}"/>
            </a:ext>
          </a:extLst>
        </xdr:cNvPr>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23" name="テキスト ボックス 822">
          <a:extLst>
            <a:ext uri="{FF2B5EF4-FFF2-40B4-BE49-F238E27FC236}">
              <a16:creationId xmlns:a16="http://schemas.microsoft.com/office/drawing/2014/main" id="{014B8E2F-3B9F-4E2B-85A1-5BF6E4677D13}"/>
            </a:ext>
          </a:extLst>
        </xdr:cNvPr>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24" name="直線コネクタ 823">
          <a:extLst>
            <a:ext uri="{FF2B5EF4-FFF2-40B4-BE49-F238E27FC236}">
              <a16:creationId xmlns:a16="http://schemas.microsoft.com/office/drawing/2014/main" id="{DCC28203-71DD-46D9-B348-CFDFC8335109}"/>
            </a:ext>
          </a:extLst>
        </xdr:cNvPr>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25" name="テキスト ボックス 824">
          <a:extLst>
            <a:ext uri="{FF2B5EF4-FFF2-40B4-BE49-F238E27FC236}">
              <a16:creationId xmlns:a16="http://schemas.microsoft.com/office/drawing/2014/main" id="{2A3CC3EC-90D4-40C5-A7CA-A4826092B69E}"/>
            </a:ext>
          </a:extLst>
        </xdr:cNvPr>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6" name="直線コネクタ 825">
          <a:extLst>
            <a:ext uri="{FF2B5EF4-FFF2-40B4-BE49-F238E27FC236}">
              <a16:creationId xmlns:a16="http://schemas.microsoft.com/office/drawing/2014/main" id="{4C4B05EF-0808-4858-A837-15F0D507384D}"/>
            </a:ext>
          </a:extLst>
        </xdr:cNvPr>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7" name="テキスト ボックス 826">
          <a:extLst>
            <a:ext uri="{FF2B5EF4-FFF2-40B4-BE49-F238E27FC236}">
              <a16:creationId xmlns:a16="http://schemas.microsoft.com/office/drawing/2014/main" id="{E5E8E4CE-9CC6-471E-B52D-AED8567F63AF}"/>
            </a:ext>
          </a:extLst>
        </xdr:cNvPr>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8" name="【庁舎】&#10;一人当たり面積グラフ枠">
          <a:extLst>
            <a:ext uri="{FF2B5EF4-FFF2-40B4-BE49-F238E27FC236}">
              <a16:creationId xmlns:a16="http://schemas.microsoft.com/office/drawing/2014/main" id="{D8B79767-A0F4-4A02-8847-48AD694C2012}"/>
            </a:ext>
          </a:extLst>
        </xdr:cNvPr>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20287</xdr:rowOff>
    </xdr:from>
    <xdr:to>
      <xdr:col>116</xdr:col>
      <xdr:colOff>62864</xdr:colOff>
      <xdr:row>108</xdr:row>
      <xdr:rowOff>46808</xdr:rowOff>
    </xdr:to>
    <xdr:cxnSp macro="">
      <xdr:nvCxnSpPr>
        <xdr:cNvPr id="829" name="直線コネクタ 828">
          <a:extLst>
            <a:ext uri="{FF2B5EF4-FFF2-40B4-BE49-F238E27FC236}">
              <a16:creationId xmlns:a16="http://schemas.microsoft.com/office/drawing/2014/main" id="{B48BBDF3-9E32-419D-A0E4-2B3527DE3879}"/>
            </a:ext>
          </a:extLst>
        </xdr:cNvPr>
        <xdr:cNvCxnSpPr/>
      </xdr:nvCxnSpPr>
      <xdr:spPr>
        <a:xfrm flipV="1">
          <a:off x="19509104" y="16716647"/>
          <a:ext cx="0" cy="1435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0635</xdr:rowOff>
    </xdr:from>
    <xdr:ext cx="469744" cy="259045"/>
    <xdr:sp macro="" textlink="">
      <xdr:nvSpPr>
        <xdr:cNvPr id="830" name="【庁舎】&#10;一人当たり面積最小値テキスト">
          <a:extLst>
            <a:ext uri="{FF2B5EF4-FFF2-40B4-BE49-F238E27FC236}">
              <a16:creationId xmlns:a16="http://schemas.microsoft.com/office/drawing/2014/main" id="{02A70B52-A971-4673-987A-A31FE5CE63A0}"/>
            </a:ext>
          </a:extLst>
        </xdr:cNvPr>
        <xdr:cNvSpPr txBox="1"/>
      </xdr:nvSpPr>
      <xdr:spPr>
        <a:xfrm>
          <a:off x="19547840" y="18155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46808</xdr:rowOff>
    </xdr:from>
    <xdr:to>
      <xdr:col>116</xdr:col>
      <xdr:colOff>152400</xdr:colOff>
      <xdr:row>108</xdr:row>
      <xdr:rowOff>46808</xdr:rowOff>
    </xdr:to>
    <xdr:cxnSp macro="">
      <xdr:nvCxnSpPr>
        <xdr:cNvPr id="831" name="直線コネクタ 830">
          <a:extLst>
            <a:ext uri="{FF2B5EF4-FFF2-40B4-BE49-F238E27FC236}">
              <a16:creationId xmlns:a16="http://schemas.microsoft.com/office/drawing/2014/main" id="{CCD045B7-2BB1-481B-AD84-84CD93A2C15C}"/>
            </a:ext>
          </a:extLst>
        </xdr:cNvPr>
        <xdr:cNvCxnSpPr/>
      </xdr:nvCxnSpPr>
      <xdr:spPr>
        <a:xfrm>
          <a:off x="19443700" y="1815192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66964</xdr:rowOff>
    </xdr:from>
    <xdr:ext cx="469744" cy="259045"/>
    <xdr:sp macro="" textlink="">
      <xdr:nvSpPr>
        <xdr:cNvPr id="832" name="【庁舎】&#10;一人当たり面積最大値テキスト">
          <a:extLst>
            <a:ext uri="{FF2B5EF4-FFF2-40B4-BE49-F238E27FC236}">
              <a16:creationId xmlns:a16="http://schemas.microsoft.com/office/drawing/2014/main" id="{CDBC2EDE-725E-4BF3-AC67-B40C9C77D402}"/>
            </a:ext>
          </a:extLst>
        </xdr:cNvPr>
        <xdr:cNvSpPr txBox="1"/>
      </xdr:nvSpPr>
      <xdr:spPr>
        <a:xfrm>
          <a:off x="19547840" y="16495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20287</xdr:rowOff>
    </xdr:from>
    <xdr:to>
      <xdr:col>116</xdr:col>
      <xdr:colOff>152400</xdr:colOff>
      <xdr:row>99</xdr:row>
      <xdr:rowOff>120287</xdr:rowOff>
    </xdr:to>
    <xdr:cxnSp macro="">
      <xdr:nvCxnSpPr>
        <xdr:cNvPr id="833" name="直線コネクタ 832">
          <a:extLst>
            <a:ext uri="{FF2B5EF4-FFF2-40B4-BE49-F238E27FC236}">
              <a16:creationId xmlns:a16="http://schemas.microsoft.com/office/drawing/2014/main" id="{F6ED50BE-CA23-4AF8-9342-59846E8CAC41}"/>
            </a:ext>
          </a:extLst>
        </xdr:cNvPr>
        <xdr:cNvCxnSpPr/>
      </xdr:nvCxnSpPr>
      <xdr:spPr>
        <a:xfrm>
          <a:off x="19443700" y="1671664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39569</xdr:rowOff>
    </xdr:from>
    <xdr:ext cx="469744" cy="259045"/>
    <xdr:sp macro="" textlink="">
      <xdr:nvSpPr>
        <xdr:cNvPr id="834" name="【庁舎】&#10;一人当たり面積平均値テキスト">
          <a:extLst>
            <a:ext uri="{FF2B5EF4-FFF2-40B4-BE49-F238E27FC236}">
              <a16:creationId xmlns:a16="http://schemas.microsoft.com/office/drawing/2014/main" id="{E0A057BC-BFE6-4F06-82B9-89D83D2CFAC1}"/>
            </a:ext>
          </a:extLst>
        </xdr:cNvPr>
        <xdr:cNvSpPr txBox="1"/>
      </xdr:nvSpPr>
      <xdr:spPr>
        <a:xfrm>
          <a:off x="19547840" y="176417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692</xdr:rowOff>
    </xdr:from>
    <xdr:to>
      <xdr:col>116</xdr:col>
      <xdr:colOff>114300</xdr:colOff>
      <xdr:row>106</xdr:row>
      <xdr:rowOff>118292</xdr:rowOff>
    </xdr:to>
    <xdr:sp macro="" textlink="">
      <xdr:nvSpPr>
        <xdr:cNvPr id="835" name="フローチャート: 判断 834">
          <a:extLst>
            <a:ext uri="{FF2B5EF4-FFF2-40B4-BE49-F238E27FC236}">
              <a16:creationId xmlns:a16="http://schemas.microsoft.com/office/drawing/2014/main" id="{ECF90FF5-F120-4FCC-BB1D-059253EA0B6A}"/>
            </a:ext>
          </a:extLst>
        </xdr:cNvPr>
        <xdr:cNvSpPr/>
      </xdr:nvSpPr>
      <xdr:spPr>
        <a:xfrm>
          <a:off x="19458940" y="1778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0843</xdr:rowOff>
    </xdr:from>
    <xdr:to>
      <xdr:col>112</xdr:col>
      <xdr:colOff>38100</xdr:colOff>
      <xdr:row>106</xdr:row>
      <xdr:rowOff>132443</xdr:rowOff>
    </xdr:to>
    <xdr:sp macro="" textlink="">
      <xdr:nvSpPr>
        <xdr:cNvPr id="836" name="フローチャート: 判断 835">
          <a:extLst>
            <a:ext uri="{FF2B5EF4-FFF2-40B4-BE49-F238E27FC236}">
              <a16:creationId xmlns:a16="http://schemas.microsoft.com/office/drawing/2014/main" id="{95FBB5D6-1273-4C7E-ABDD-40041A8B982D}"/>
            </a:ext>
          </a:extLst>
        </xdr:cNvPr>
        <xdr:cNvSpPr/>
      </xdr:nvSpPr>
      <xdr:spPr>
        <a:xfrm>
          <a:off x="18735040" y="1780068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66370</xdr:rowOff>
    </xdr:from>
    <xdr:to>
      <xdr:col>107</xdr:col>
      <xdr:colOff>101600</xdr:colOff>
      <xdr:row>106</xdr:row>
      <xdr:rowOff>96520</xdr:rowOff>
    </xdr:to>
    <xdr:sp macro="" textlink="">
      <xdr:nvSpPr>
        <xdr:cNvPr id="837" name="フローチャート: 判断 836">
          <a:extLst>
            <a:ext uri="{FF2B5EF4-FFF2-40B4-BE49-F238E27FC236}">
              <a16:creationId xmlns:a16="http://schemas.microsoft.com/office/drawing/2014/main" id="{0953A04C-12A4-4222-8DD8-D9FFC9C270D9}"/>
            </a:ext>
          </a:extLst>
        </xdr:cNvPr>
        <xdr:cNvSpPr/>
      </xdr:nvSpPr>
      <xdr:spPr>
        <a:xfrm>
          <a:off x="17937480" y="177685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54395</xdr:rowOff>
    </xdr:from>
    <xdr:to>
      <xdr:col>102</xdr:col>
      <xdr:colOff>165100</xdr:colOff>
      <xdr:row>106</xdr:row>
      <xdr:rowOff>84545</xdr:rowOff>
    </xdr:to>
    <xdr:sp macro="" textlink="">
      <xdr:nvSpPr>
        <xdr:cNvPr id="838" name="フローチャート: 判断 837">
          <a:extLst>
            <a:ext uri="{FF2B5EF4-FFF2-40B4-BE49-F238E27FC236}">
              <a16:creationId xmlns:a16="http://schemas.microsoft.com/office/drawing/2014/main" id="{07787FCB-1180-4DAF-AC38-7F286352BD75}"/>
            </a:ext>
          </a:extLst>
        </xdr:cNvPr>
        <xdr:cNvSpPr/>
      </xdr:nvSpPr>
      <xdr:spPr>
        <a:xfrm>
          <a:off x="17162780" y="177565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47171</xdr:rowOff>
    </xdr:from>
    <xdr:to>
      <xdr:col>98</xdr:col>
      <xdr:colOff>38100</xdr:colOff>
      <xdr:row>106</xdr:row>
      <xdr:rowOff>148771</xdr:rowOff>
    </xdr:to>
    <xdr:sp macro="" textlink="">
      <xdr:nvSpPr>
        <xdr:cNvPr id="839" name="フローチャート: 判断 838">
          <a:extLst>
            <a:ext uri="{FF2B5EF4-FFF2-40B4-BE49-F238E27FC236}">
              <a16:creationId xmlns:a16="http://schemas.microsoft.com/office/drawing/2014/main" id="{169EA97F-EB0C-4E80-A84C-9D7963388CD2}"/>
            </a:ext>
          </a:extLst>
        </xdr:cNvPr>
        <xdr:cNvSpPr/>
      </xdr:nvSpPr>
      <xdr:spPr>
        <a:xfrm>
          <a:off x="16388080" y="1781701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0" name="テキスト ボックス 839">
          <a:extLst>
            <a:ext uri="{FF2B5EF4-FFF2-40B4-BE49-F238E27FC236}">
              <a16:creationId xmlns:a16="http://schemas.microsoft.com/office/drawing/2014/main" id="{813BA899-FBD5-4BAB-980C-DEE91CFE367B}"/>
            </a:ext>
          </a:extLst>
        </xdr:cNvPr>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1" name="テキスト ボックス 840">
          <a:extLst>
            <a:ext uri="{FF2B5EF4-FFF2-40B4-BE49-F238E27FC236}">
              <a16:creationId xmlns:a16="http://schemas.microsoft.com/office/drawing/2014/main" id="{54DEC0A1-ECC7-47B6-A5DC-B6825892D45A}"/>
            </a:ext>
          </a:extLst>
        </xdr:cNvPr>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2" name="テキスト ボックス 841">
          <a:extLst>
            <a:ext uri="{FF2B5EF4-FFF2-40B4-BE49-F238E27FC236}">
              <a16:creationId xmlns:a16="http://schemas.microsoft.com/office/drawing/2014/main" id="{D35F581D-CAAA-4C4E-89F2-A047341F245D}"/>
            </a:ext>
          </a:extLst>
        </xdr:cNvPr>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3" name="テキスト ボックス 842">
          <a:extLst>
            <a:ext uri="{FF2B5EF4-FFF2-40B4-BE49-F238E27FC236}">
              <a16:creationId xmlns:a16="http://schemas.microsoft.com/office/drawing/2014/main" id="{0DE81BB2-9C83-4C22-939A-6192216A0E0A}"/>
            </a:ext>
          </a:extLst>
        </xdr:cNvPr>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4" name="テキスト ボックス 843">
          <a:extLst>
            <a:ext uri="{FF2B5EF4-FFF2-40B4-BE49-F238E27FC236}">
              <a16:creationId xmlns:a16="http://schemas.microsoft.com/office/drawing/2014/main" id="{83771C0F-B603-46B0-85A3-15438AC58C3E}"/>
            </a:ext>
          </a:extLst>
        </xdr:cNvPr>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3980</xdr:rowOff>
    </xdr:from>
    <xdr:to>
      <xdr:col>116</xdr:col>
      <xdr:colOff>114300</xdr:colOff>
      <xdr:row>107</xdr:row>
      <xdr:rowOff>24130</xdr:rowOff>
    </xdr:to>
    <xdr:sp macro="" textlink="">
      <xdr:nvSpPr>
        <xdr:cNvPr id="845" name="楕円 844">
          <a:extLst>
            <a:ext uri="{FF2B5EF4-FFF2-40B4-BE49-F238E27FC236}">
              <a16:creationId xmlns:a16="http://schemas.microsoft.com/office/drawing/2014/main" id="{E9212CAE-F730-4776-A167-DF3D71C10EAC}"/>
            </a:ext>
          </a:extLst>
        </xdr:cNvPr>
        <xdr:cNvSpPr/>
      </xdr:nvSpPr>
      <xdr:spPr>
        <a:xfrm>
          <a:off x="19458940" y="178638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72407</xdr:rowOff>
    </xdr:from>
    <xdr:ext cx="469744" cy="259045"/>
    <xdr:sp macro="" textlink="">
      <xdr:nvSpPr>
        <xdr:cNvPr id="846" name="【庁舎】&#10;一人当たり面積該当値テキスト">
          <a:extLst>
            <a:ext uri="{FF2B5EF4-FFF2-40B4-BE49-F238E27FC236}">
              <a16:creationId xmlns:a16="http://schemas.microsoft.com/office/drawing/2014/main" id="{BDDF5280-2B52-4683-A6EA-755634B7ED2B}"/>
            </a:ext>
          </a:extLst>
        </xdr:cNvPr>
        <xdr:cNvSpPr txBox="1"/>
      </xdr:nvSpPr>
      <xdr:spPr>
        <a:xfrm>
          <a:off x="19547840" y="1784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99423</xdr:rowOff>
    </xdr:from>
    <xdr:to>
      <xdr:col>112</xdr:col>
      <xdr:colOff>38100</xdr:colOff>
      <xdr:row>107</xdr:row>
      <xdr:rowOff>29573</xdr:rowOff>
    </xdr:to>
    <xdr:sp macro="" textlink="">
      <xdr:nvSpPr>
        <xdr:cNvPr id="847" name="楕円 846">
          <a:extLst>
            <a:ext uri="{FF2B5EF4-FFF2-40B4-BE49-F238E27FC236}">
              <a16:creationId xmlns:a16="http://schemas.microsoft.com/office/drawing/2014/main" id="{6A7C2C92-F508-4B24-9208-73CB2D1C301C}"/>
            </a:ext>
          </a:extLst>
        </xdr:cNvPr>
        <xdr:cNvSpPr/>
      </xdr:nvSpPr>
      <xdr:spPr>
        <a:xfrm>
          <a:off x="18735040" y="1786926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44780</xdr:rowOff>
    </xdr:from>
    <xdr:to>
      <xdr:col>116</xdr:col>
      <xdr:colOff>63500</xdr:colOff>
      <xdr:row>106</xdr:row>
      <xdr:rowOff>150223</xdr:rowOff>
    </xdr:to>
    <xdr:cxnSp macro="">
      <xdr:nvCxnSpPr>
        <xdr:cNvPr id="848" name="直線コネクタ 847">
          <a:extLst>
            <a:ext uri="{FF2B5EF4-FFF2-40B4-BE49-F238E27FC236}">
              <a16:creationId xmlns:a16="http://schemas.microsoft.com/office/drawing/2014/main" id="{15331B1F-A5D1-402F-8498-EE01935B8E38}"/>
            </a:ext>
          </a:extLst>
        </xdr:cNvPr>
        <xdr:cNvCxnSpPr/>
      </xdr:nvCxnSpPr>
      <xdr:spPr>
        <a:xfrm flipV="1">
          <a:off x="18778220" y="17914620"/>
          <a:ext cx="73152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05955</xdr:rowOff>
    </xdr:from>
    <xdr:to>
      <xdr:col>107</xdr:col>
      <xdr:colOff>101600</xdr:colOff>
      <xdr:row>107</xdr:row>
      <xdr:rowOff>36105</xdr:rowOff>
    </xdr:to>
    <xdr:sp macro="" textlink="">
      <xdr:nvSpPr>
        <xdr:cNvPr id="849" name="楕円 848">
          <a:extLst>
            <a:ext uri="{FF2B5EF4-FFF2-40B4-BE49-F238E27FC236}">
              <a16:creationId xmlns:a16="http://schemas.microsoft.com/office/drawing/2014/main" id="{E93442CC-E960-4420-AD23-9E97A9266DE7}"/>
            </a:ext>
          </a:extLst>
        </xdr:cNvPr>
        <xdr:cNvSpPr/>
      </xdr:nvSpPr>
      <xdr:spPr>
        <a:xfrm>
          <a:off x="17937480" y="1787579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50223</xdr:rowOff>
    </xdr:from>
    <xdr:to>
      <xdr:col>111</xdr:col>
      <xdr:colOff>177800</xdr:colOff>
      <xdr:row>106</xdr:row>
      <xdr:rowOff>156755</xdr:rowOff>
    </xdr:to>
    <xdr:cxnSp macro="">
      <xdr:nvCxnSpPr>
        <xdr:cNvPr id="850" name="直線コネクタ 849">
          <a:extLst>
            <a:ext uri="{FF2B5EF4-FFF2-40B4-BE49-F238E27FC236}">
              <a16:creationId xmlns:a16="http://schemas.microsoft.com/office/drawing/2014/main" id="{0B777135-17E0-4F1F-88D7-F061A9375530}"/>
            </a:ext>
          </a:extLst>
        </xdr:cNvPr>
        <xdr:cNvCxnSpPr/>
      </xdr:nvCxnSpPr>
      <xdr:spPr>
        <a:xfrm flipV="1">
          <a:off x="17988280" y="17920063"/>
          <a:ext cx="78994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12486</xdr:rowOff>
    </xdr:from>
    <xdr:to>
      <xdr:col>102</xdr:col>
      <xdr:colOff>165100</xdr:colOff>
      <xdr:row>107</xdr:row>
      <xdr:rowOff>42636</xdr:rowOff>
    </xdr:to>
    <xdr:sp macro="" textlink="">
      <xdr:nvSpPr>
        <xdr:cNvPr id="851" name="楕円 850">
          <a:extLst>
            <a:ext uri="{FF2B5EF4-FFF2-40B4-BE49-F238E27FC236}">
              <a16:creationId xmlns:a16="http://schemas.microsoft.com/office/drawing/2014/main" id="{8309DA1D-F5FA-4439-86C3-952100F9D050}"/>
            </a:ext>
          </a:extLst>
        </xdr:cNvPr>
        <xdr:cNvSpPr/>
      </xdr:nvSpPr>
      <xdr:spPr>
        <a:xfrm>
          <a:off x="17162780" y="1788232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56755</xdr:rowOff>
    </xdr:from>
    <xdr:to>
      <xdr:col>107</xdr:col>
      <xdr:colOff>50800</xdr:colOff>
      <xdr:row>106</xdr:row>
      <xdr:rowOff>163286</xdr:rowOff>
    </xdr:to>
    <xdr:cxnSp macro="">
      <xdr:nvCxnSpPr>
        <xdr:cNvPr id="852" name="直線コネクタ 851">
          <a:extLst>
            <a:ext uri="{FF2B5EF4-FFF2-40B4-BE49-F238E27FC236}">
              <a16:creationId xmlns:a16="http://schemas.microsoft.com/office/drawing/2014/main" id="{EB50342B-5AB8-4A15-AF1D-6832970243FE}"/>
            </a:ext>
          </a:extLst>
        </xdr:cNvPr>
        <xdr:cNvCxnSpPr/>
      </xdr:nvCxnSpPr>
      <xdr:spPr>
        <a:xfrm flipV="1">
          <a:off x="17213580" y="17926595"/>
          <a:ext cx="7747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16839</xdr:rowOff>
    </xdr:from>
    <xdr:to>
      <xdr:col>98</xdr:col>
      <xdr:colOff>38100</xdr:colOff>
      <xdr:row>107</xdr:row>
      <xdr:rowOff>46989</xdr:rowOff>
    </xdr:to>
    <xdr:sp macro="" textlink="">
      <xdr:nvSpPr>
        <xdr:cNvPr id="853" name="楕円 852">
          <a:extLst>
            <a:ext uri="{FF2B5EF4-FFF2-40B4-BE49-F238E27FC236}">
              <a16:creationId xmlns:a16="http://schemas.microsoft.com/office/drawing/2014/main" id="{CB083BA0-A534-48EB-A960-8E448A1F97F4}"/>
            </a:ext>
          </a:extLst>
        </xdr:cNvPr>
        <xdr:cNvSpPr/>
      </xdr:nvSpPr>
      <xdr:spPr>
        <a:xfrm>
          <a:off x="16388080" y="1788667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163286</xdr:rowOff>
    </xdr:from>
    <xdr:to>
      <xdr:col>102</xdr:col>
      <xdr:colOff>114300</xdr:colOff>
      <xdr:row>106</xdr:row>
      <xdr:rowOff>167639</xdr:rowOff>
    </xdr:to>
    <xdr:cxnSp macro="">
      <xdr:nvCxnSpPr>
        <xdr:cNvPr id="854" name="直線コネクタ 853">
          <a:extLst>
            <a:ext uri="{FF2B5EF4-FFF2-40B4-BE49-F238E27FC236}">
              <a16:creationId xmlns:a16="http://schemas.microsoft.com/office/drawing/2014/main" id="{D1659F03-31C9-4158-8088-37C922596BA7}"/>
            </a:ext>
          </a:extLst>
        </xdr:cNvPr>
        <xdr:cNvCxnSpPr/>
      </xdr:nvCxnSpPr>
      <xdr:spPr>
        <a:xfrm flipV="1">
          <a:off x="16431260" y="17933126"/>
          <a:ext cx="782320" cy="4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48970</xdr:rowOff>
    </xdr:from>
    <xdr:ext cx="469744" cy="259045"/>
    <xdr:sp macro="" textlink="">
      <xdr:nvSpPr>
        <xdr:cNvPr id="855" name="n_1aveValue【庁舎】&#10;一人当たり面積">
          <a:extLst>
            <a:ext uri="{FF2B5EF4-FFF2-40B4-BE49-F238E27FC236}">
              <a16:creationId xmlns:a16="http://schemas.microsoft.com/office/drawing/2014/main" id="{3B7208DC-5100-4843-B175-7786DEF2AA59}"/>
            </a:ext>
          </a:extLst>
        </xdr:cNvPr>
        <xdr:cNvSpPr txBox="1"/>
      </xdr:nvSpPr>
      <xdr:spPr>
        <a:xfrm>
          <a:off x="18561127" y="17583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13047</xdr:rowOff>
    </xdr:from>
    <xdr:ext cx="469744" cy="259045"/>
    <xdr:sp macro="" textlink="">
      <xdr:nvSpPr>
        <xdr:cNvPr id="856" name="n_2aveValue【庁舎】&#10;一人当たり面積">
          <a:extLst>
            <a:ext uri="{FF2B5EF4-FFF2-40B4-BE49-F238E27FC236}">
              <a16:creationId xmlns:a16="http://schemas.microsoft.com/office/drawing/2014/main" id="{562FCD24-A936-489B-9F35-F3398739FCA1}"/>
            </a:ext>
          </a:extLst>
        </xdr:cNvPr>
        <xdr:cNvSpPr txBox="1"/>
      </xdr:nvSpPr>
      <xdr:spPr>
        <a:xfrm>
          <a:off x="17776267" y="17547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01072</xdr:rowOff>
    </xdr:from>
    <xdr:ext cx="469744" cy="259045"/>
    <xdr:sp macro="" textlink="">
      <xdr:nvSpPr>
        <xdr:cNvPr id="857" name="n_3aveValue【庁舎】&#10;一人当たり面積">
          <a:extLst>
            <a:ext uri="{FF2B5EF4-FFF2-40B4-BE49-F238E27FC236}">
              <a16:creationId xmlns:a16="http://schemas.microsoft.com/office/drawing/2014/main" id="{CEF39561-549B-4DFD-BE17-C167B9AE293D}"/>
            </a:ext>
          </a:extLst>
        </xdr:cNvPr>
        <xdr:cNvSpPr txBox="1"/>
      </xdr:nvSpPr>
      <xdr:spPr>
        <a:xfrm>
          <a:off x="17001567" y="17535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65298</xdr:rowOff>
    </xdr:from>
    <xdr:ext cx="469744" cy="259045"/>
    <xdr:sp macro="" textlink="">
      <xdr:nvSpPr>
        <xdr:cNvPr id="858" name="n_4aveValue【庁舎】&#10;一人当たり面積">
          <a:extLst>
            <a:ext uri="{FF2B5EF4-FFF2-40B4-BE49-F238E27FC236}">
              <a16:creationId xmlns:a16="http://schemas.microsoft.com/office/drawing/2014/main" id="{3A7003A0-6054-4476-B3CF-8531EBA42167}"/>
            </a:ext>
          </a:extLst>
        </xdr:cNvPr>
        <xdr:cNvSpPr txBox="1"/>
      </xdr:nvSpPr>
      <xdr:spPr>
        <a:xfrm>
          <a:off x="16226867" y="17599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20700</xdr:rowOff>
    </xdr:from>
    <xdr:ext cx="469744" cy="259045"/>
    <xdr:sp macro="" textlink="">
      <xdr:nvSpPr>
        <xdr:cNvPr id="859" name="n_1mainValue【庁舎】&#10;一人当たり面積">
          <a:extLst>
            <a:ext uri="{FF2B5EF4-FFF2-40B4-BE49-F238E27FC236}">
              <a16:creationId xmlns:a16="http://schemas.microsoft.com/office/drawing/2014/main" id="{97665F70-66BD-4FA4-BCA4-2D3B7E351961}"/>
            </a:ext>
          </a:extLst>
        </xdr:cNvPr>
        <xdr:cNvSpPr txBox="1"/>
      </xdr:nvSpPr>
      <xdr:spPr>
        <a:xfrm>
          <a:off x="18561127" y="17958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27232</xdr:rowOff>
    </xdr:from>
    <xdr:ext cx="469744" cy="259045"/>
    <xdr:sp macro="" textlink="">
      <xdr:nvSpPr>
        <xdr:cNvPr id="860" name="n_2mainValue【庁舎】&#10;一人当たり面積">
          <a:extLst>
            <a:ext uri="{FF2B5EF4-FFF2-40B4-BE49-F238E27FC236}">
              <a16:creationId xmlns:a16="http://schemas.microsoft.com/office/drawing/2014/main" id="{ED363C16-B64D-4D43-BCD4-B60D0E629EAD}"/>
            </a:ext>
          </a:extLst>
        </xdr:cNvPr>
        <xdr:cNvSpPr txBox="1"/>
      </xdr:nvSpPr>
      <xdr:spPr>
        <a:xfrm>
          <a:off x="17776267" y="17964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33763</xdr:rowOff>
    </xdr:from>
    <xdr:ext cx="469744" cy="259045"/>
    <xdr:sp macro="" textlink="">
      <xdr:nvSpPr>
        <xdr:cNvPr id="861" name="n_3mainValue【庁舎】&#10;一人当たり面積">
          <a:extLst>
            <a:ext uri="{FF2B5EF4-FFF2-40B4-BE49-F238E27FC236}">
              <a16:creationId xmlns:a16="http://schemas.microsoft.com/office/drawing/2014/main" id="{FDA272D9-D13D-45E2-8F04-5D55F7B82425}"/>
            </a:ext>
          </a:extLst>
        </xdr:cNvPr>
        <xdr:cNvSpPr txBox="1"/>
      </xdr:nvSpPr>
      <xdr:spPr>
        <a:xfrm>
          <a:off x="17001567" y="17971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38116</xdr:rowOff>
    </xdr:from>
    <xdr:ext cx="469744" cy="259045"/>
    <xdr:sp macro="" textlink="">
      <xdr:nvSpPr>
        <xdr:cNvPr id="862" name="n_4mainValue【庁舎】&#10;一人当たり面積">
          <a:extLst>
            <a:ext uri="{FF2B5EF4-FFF2-40B4-BE49-F238E27FC236}">
              <a16:creationId xmlns:a16="http://schemas.microsoft.com/office/drawing/2014/main" id="{575D9F22-68EC-42D2-B010-273D2FB5ABC4}"/>
            </a:ext>
          </a:extLst>
        </xdr:cNvPr>
        <xdr:cNvSpPr txBox="1"/>
      </xdr:nvSpPr>
      <xdr:spPr>
        <a:xfrm>
          <a:off x="16226867" y="17975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3" name="正方形/長方形 862">
          <a:extLst>
            <a:ext uri="{FF2B5EF4-FFF2-40B4-BE49-F238E27FC236}">
              <a16:creationId xmlns:a16="http://schemas.microsoft.com/office/drawing/2014/main" id="{76392234-B779-46F5-B4C5-B040713CB6CA}"/>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4" name="正方形/長方形 863">
          <a:extLst>
            <a:ext uri="{FF2B5EF4-FFF2-40B4-BE49-F238E27FC236}">
              <a16:creationId xmlns:a16="http://schemas.microsoft.com/office/drawing/2014/main" id="{7884AED2-5075-4F97-B323-F5D5D6BBDBE5}"/>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5" name="テキスト ボックス 864">
          <a:extLst>
            <a:ext uri="{FF2B5EF4-FFF2-40B4-BE49-F238E27FC236}">
              <a16:creationId xmlns:a16="http://schemas.microsoft.com/office/drawing/2014/main" id="{4FAA4268-AB00-4446-8BDC-F4AE60ABC766}"/>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保健センター・庁舎の減価償却率は低い値となっているが、全体としては高い値を推移しており、なかでも体育館・プールは高い値となっ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4</a:t>
          </a:r>
          <a:r>
            <a:rPr kumimoji="1" lang="ja-JP" altLang="en-US" sz="1100">
              <a:solidFill>
                <a:schemeClr val="dk1"/>
              </a:solidFill>
              <a:effectLst/>
              <a:latin typeface="+mn-lt"/>
              <a:ea typeface="+mn-ea"/>
              <a:cs typeface="+mn-cs"/>
            </a:rPr>
            <a:t>年度に町体育館の天井ボードおよびトイレ洋式化工事を実施したため、数値は改善している。</a:t>
          </a:r>
          <a:endParaRPr lang="ja-JP" altLang="ja-JP" sz="1400">
            <a:effectLst/>
          </a:endParaRPr>
        </a:p>
        <a:p>
          <a:r>
            <a:rPr kumimoji="1" lang="ja-JP" altLang="ja-JP" sz="1100">
              <a:solidFill>
                <a:schemeClr val="dk1"/>
              </a:solidFill>
              <a:effectLst/>
              <a:latin typeface="+mn-lt"/>
              <a:ea typeface="+mn-ea"/>
              <a:cs typeface="+mn-cs"/>
            </a:rPr>
            <a:t>施設更新等の優先度については、償却率のみならず、一人当たりの面積や各施設の利用状況等にも注視しながら検討を進め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神奈川県内の他市町村と比べると、企業が少ないことなどから、令和４年度では県平均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が、全国平均との比較で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類似団体内でも上位に位置しているが、将来的には税収の減少傾向が見込まれることから、町税の徴収強化等により歳入の確保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6352</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318552"/>
          <a:ext cx="0" cy="12984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61279</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6062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6352</xdr:rowOff>
    </xdr:from>
    <xdr:to>
      <xdr:col>24</xdr:col>
      <xdr:colOff>12700</xdr:colOff>
      <xdr:row>36</xdr:row>
      <xdr:rowOff>14635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31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16417</xdr:rowOff>
    </xdr:from>
    <xdr:to>
      <xdr:col>23</xdr:col>
      <xdr:colOff>133350</xdr:colOff>
      <xdr:row>41</xdr:row>
      <xdr:rowOff>150888</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7145867"/>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7307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2739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00995</xdr:rowOff>
    </xdr:from>
    <xdr:to>
      <xdr:col>23</xdr:col>
      <xdr:colOff>184150</xdr:colOff>
      <xdr:row>43</xdr:row>
      <xdr:rowOff>3114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3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70455</xdr:rowOff>
    </xdr:from>
    <xdr:to>
      <xdr:col>19</xdr:col>
      <xdr:colOff>133350</xdr:colOff>
      <xdr:row>41</xdr:row>
      <xdr:rowOff>116417</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7099905"/>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89505</xdr:rowOff>
    </xdr:from>
    <xdr:to>
      <xdr:col>19</xdr:col>
      <xdr:colOff>184150</xdr:colOff>
      <xdr:row>43</xdr:row>
      <xdr:rowOff>19655</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290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4432</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3767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70455</xdr:rowOff>
    </xdr:from>
    <xdr:to>
      <xdr:col>15</xdr:col>
      <xdr:colOff>82550</xdr:colOff>
      <xdr:row>41</xdr:row>
      <xdr:rowOff>70455</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36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6524</xdr:rowOff>
    </xdr:from>
    <xdr:to>
      <xdr:col>15</xdr:col>
      <xdr:colOff>133350</xdr:colOff>
      <xdr:row>42</xdr:row>
      <xdr:rowOff>168124</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2901</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35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70455</xdr:rowOff>
    </xdr:from>
    <xdr:to>
      <xdr:col>11</xdr:col>
      <xdr:colOff>31750</xdr:colOff>
      <xdr:row>41</xdr:row>
      <xdr:rowOff>70455</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47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9920</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00088</xdr:rowOff>
    </xdr:from>
    <xdr:to>
      <xdr:col>23</xdr:col>
      <xdr:colOff>184150</xdr:colOff>
      <xdr:row>42</xdr:row>
      <xdr:rowOff>30238</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7129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16615</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6974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65617</xdr:rowOff>
    </xdr:from>
    <xdr:to>
      <xdr:col>19</xdr:col>
      <xdr:colOff>184150</xdr:colOff>
      <xdr:row>41</xdr:row>
      <xdr:rowOff>167217</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944</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68639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9655</xdr:rowOff>
    </xdr:from>
    <xdr:to>
      <xdr:col>15</xdr:col>
      <xdr:colOff>133350</xdr:colOff>
      <xdr:row>41</xdr:row>
      <xdr:rowOff>121255</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31432</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9655</xdr:rowOff>
    </xdr:from>
    <xdr:to>
      <xdr:col>11</xdr:col>
      <xdr:colOff>82550</xdr:colOff>
      <xdr:row>41</xdr:row>
      <xdr:rowOff>121255</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1432</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9655</xdr:rowOff>
    </xdr:from>
    <xdr:to>
      <xdr:col>7</xdr:col>
      <xdr:colOff>31750</xdr:colOff>
      <xdr:row>41</xdr:row>
      <xdr:rowOff>121255</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31432</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元年度は法人税割の増により対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た。令和２年度は、普通交付税及び地方消費税交付金の増加により対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令和３年度も、同様の理由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た。令和４年度は、普通交付税及び法人税割の減や公債費の増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は、公債費の増加だけでなく物価高騰等による経常経費全体の増加が見込まれるため、優先度の低い事業については廃止も含めて見直しを図り、経常経費の削減を計画的に進め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a:extLst>
            <a:ext uri="{FF2B5EF4-FFF2-40B4-BE49-F238E27FC236}">
              <a16:creationId xmlns:a16="http://schemas.microsoft.com/office/drawing/2014/main" id="{00000000-0008-0000-0300-00007E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a:extLst>
            <a:ext uri="{FF2B5EF4-FFF2-40B4-BE49-F238E27FC236}">
              <a16:creationId xmlns:a16="http://schemas.microsoft.com/office/drawing/2014/main" id="{00000000-0008-0000-0300-00007F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71238</xdr:rowOff>
    </xdr:from>
    <xdr:to>
      <xdr:col>23</xdr:col>
      <xdr:colOff>133350</xdr:colOff>
      <xdr:row>67</xdr:row>
      <xdr:rowOff>100119</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flipV="1">
          <a:off x="4953000" y="10115338"/>
          <a:ext cx="0" cy="14719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72196</xdr:rowOff>
    </xdr:from>
    <xdr:ext cx="762000" cy="259045"/>
    <xdr:sp macro="" textlink="">
      <xdr:nvSpPr>
        <xdr:cNvPr id="129" name="財政構造の弾力性最小値テキスト">
          <a:extLst>
            <a:ext uri="{FF2B5EF4-FFF2-40B4-BE49-F238E27FC236}">
              <a16:creationId xmlns:a16="http://schemas.microsoft.com/office/drawing/2014/main" id="{00000000-0008-0000-0300-000081000000}"/>
            </a:ext>
          </a:extLst>
        </xdr:cNvPr>
        <xdr:cNvSpPr txBox="1"/>
      </xdr:nvSpPr>
      <xdr:spPr>
        <a:xfrm>
          <a:off x="5041900" y="11559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00119</xdr:rowOff>
    </xdr:from>
    <xdr:to>
      <xdr:col>24</xdr:col>
      <xdr:colOff>12700</xdr:colOff>
      <xdr:row>67</xdr:row>
      <xdr:rowOff>100119</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1587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86165</xdr:rowOff>
    </xdr:from>
    <xdr:ext cx="762000" cy="259045"/>
    <xdr:sp macro="" textlink="">
      <xdr:nvSpPr>
        <xdr:cNvPr id="131" name="財政構造の弾力性最大値テキスト">
          <a:extLst>
            <a:ext uri="{FF2B5EF4-FFF2-40B4-BE49-F238E27FC236}">
              <a16:creationId xmlns:a16="http://schemas.microsoft.com/office/drawing/2014/main" id="{00000000-0008-0000-0300-000083000000}"/>
            </a:ext>
          </a:extLst>
        </xdr:cNvPr>
        <xdr:cNvSpPr txBox="1"/>
      </xdr:nvSpPr>
      <xdr:spPr>
        <a:xfrm>
          <a:off x="5041900" y="9858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71238</xdr:rowOff>
    </xdr:from>
    <xdr:to>
      <xdr:col>24</xdr:col>
      <xdr:colOff>12700</xdr:colOff>
      <xdr:row>58</xdr:row>
      <xdr:rowOff>171238</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864100" y="101153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45931</xdr:rowOff>
    </xdr:from>
    <xdr:to>
      <xdr:col>23</xdr:col>
      <xdr:colOff>133350</xdr:colOff>
      <xdr:row>64</xdr:row>
      <xdr:rowOff>91652</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114800" y="10847281"/>
          <a:ext cx="838200" cy="217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45102</xdr:rowOff>
    </xdr:from>
    <xdr:ext cx="762000" cy="259045"/>
    <xdr:sp macro="" textlink="">
      <xdr:nvSpPr>
        <xdr:cNvPr id="134" name="財政構造の弾力性平均値テキスト">
          <a:extLst>
            <a:ext uri="{FF2B5EF4-FFF2-40B4-BE49-F238E27FC236}">
              <a16:creationId xmlns:a16="http://schemas.microsoft.com/office/drawing/2014/main" id="{00000000-0008-0000-0300-000086000000}"/>
            </a:ext>
          </a:extLst>
        </xdr:cNvPr>
        <xdr:cNvSpPr txBox="1"/>
      </xdr:nvSpPr>
      <xdr:spPr>
        <a:xfrm>
          <a:off x="5041900" y="11017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3025</xdr:rowOff>
    </xdr:from>
    <xdr:to>
      <xdr:col>23</xdr:col>
      <xdr:colOff>184150</xdr:colOff>
      <xdr:row>65</xdr:row>
      <xdr:rowOff>3175</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902200" y="1104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45931</xdr:rowOff>
    </xdr:from>
    <xdr:to>
      <xdr:col>19</xdr:col>
      <xdr:colOff>133350</xdr:colOff>
      <xdr:row>64</xdr:row>
      <xdr:rowOff>91652</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3225800" y="10847281"/>
          <a:ext cx="889000" cy="217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5781</xdr:rowOff>
    </xdr:from>
    <xdr:to>
      <xdr:col>19</xdr:col>
      <xdr:colOff>184150</xdr:colOff>
      <xdr:row>64</xdr:row>
      <xdr:rowOff>45931</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4064000" y="1091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0708</xdr:rowOff>
    </xdr:from>
    <xdr:ext cx="7366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3733800" y="11003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91652</xdr:rowOff>
    </xdr:from>
    <xdr:to>
      <xdr:col>15</xdr:col>
      <xdr:colOff>82550</xdr:colOff>
      <xdr:row>65</xdr:row>
      <xdr:rowOff>8679</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2336800" y="11064452"/>
          <a:ext cx="8890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57480</xdr:rowOff>
    </xdr:from>
    <xdr:to>
      <xdr:col>15</xdr:col>
      <xdr:colOff>133350</xdr:colOff>
      <xdr:row>65</xdr:row>
      <xdr:rowOff>87630</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3175000" y="1113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72407</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2844800" y="1121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8679</xdr:rowOff>
    </xdr:from>
    <xdr:to>
      <xdr:col>11</xdr:col>
      <xdr:colOff>31750</xdr:colOff>
      <xdr:row>65</xdr:row>
      <xdr:rowOff>145415</xdr:rowOff>
    </xdr:to>
    <xdr:cxnSp macro="">
      <xdr:nvCxnSpPr>
        <xdr:cNvPr id="142" name="直線コネクタ 141">
          <a:extLst>
            <a:ext uri="{FF2B5EF4-FFF2-40B4-BE49-F238E27FC236}">
              <a16:creationId xmlns:a16="http://schemas.microsoft.com/office/drawing/2014/main" id="{00000000-0008-0000-0300-00008E000000}"/>
            </a:ext>
          </a:extLst>
        </xdr:cNvPr>
        <xdr:cNvCxnSpPr/>
      </xdr:nvCxnSpPr>
      <xdr:spPr>
        <a:xfrm flipV="1">
          <a:off x="1447800" y="11152929"/>
          <a:ext cx="889000" cy="13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6138</xdr:rowOff>
    </xdr:from>
    <xdr:to>
      <xdr:col>11</xdr:col>
      <xdr:colOff>82550</xdr:colOff>
      <xdr:row>65</xdr:row>
      <xdr:rowOff>107738</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2286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2515</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955800" y="11236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29329</xdr:rowOff>
    </xdr:from>
    <xdr:to>
      <xdr:col>7</xdr:col>
      <xdr:colOff>31750</xdr:colOff>
      <xdr:row>65</xdr:row>
      <xdr:rowOff>59479</xdr:rowOff>
    </xdr:to>
    <xdr:sp macro="" textlink="">
      <xdr:nvSpPr>
        <xdr:cNvPr id="145" name="フローチャート: 判断 144">
          <a:extLst>
            <a:ext uri="{FF2B5EF4-FFF2-40B4-BE49-F238E27FC236}">
              <a16:creationId xmlns:a16="http://schemas.microsoft.com/office/drawing/2014/main" id="{00000000-0008-0000-0300-000091000000}"/>
            </a:ext>
          </a:extLst>
        </xdr:cNvPr>
        <xdr:cNvSpPr/>
      </xdr:nvSpPr>
      <xdr:spPr>
        <a:xfrm>
          <a:off x="1397000" y="11102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9656</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1066800" y="10871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40852</xdr:rowOff>
    </xdr:from>
    <xdr:to>
      <xdr:col>23</xdr:col>
      <xdr:colOff>184150</xdr:colOff>
      <xdr:row>64</xdr:row>
      <xdr:rowOff>142452</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902200" y="11013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57379</xdr:rowOff>
    </xdr:from>
    <xdr:ext cx="762000" cy="259045"/>
    <xdr:sp macro="" textlink="">
      <xdr:nvSpPr>
        <xdr:cNvPr id="153" name="財政構造の弾力性該当値テキスト">
          <a:extLst>
            <a:ext uri="{FF2B5EF4-FFF2-40B4-BE49-F238E27FC236}">
              <a16:creationId xmlns:a16="http://schemas.microsoft.com/office/drawing/2014/main" id="{00000000-0008-0000-0300-000099000000}"/>
            </a:ext>
          </a:extLst>
        </xdr:cNvPr>
        <xdr:cNvSpPr txBox="1"/>
      </xdr:nvSpPr>
      <xdr:spPr>
        <a:xfrm>
          <a:off x="5041900" y="10858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66581</xdr:rowOff>
    </xdr:from>
    <xdr:to>
      <xdr:col>19</xdr:col>
      <xdr:colOff>184150</xdr:colOff>
      <xdr:row>63</xdr:row>
      <xdr:rowOff>96731</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4064000" y="10796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06908</xdr:rowOff>
    </xdr:from>
    <xdr:ext cx="7366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3733800" y="105653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40852</xdr:rowOff>
    </xdr:from>
    <xdr:to>
      <xdr:col>15</xdr:col>
      <xdr:colOff>133350</xdr:colOff>
      <xdr:row>64</xdr:row>
      <xdr:rowOff>142452</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3175000" y="11013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2629</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2844800" y="10782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29329</xdr:rowOff>
    </xdr:from>
    <xdr:to>
      <xdr:col>11</xdr:col>
      <xdr:colOff>82550</xdr:colOff>
      <xdr:row>65</xdr:row>
      <xdr:rowOff>59479</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2286000" y="11102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69656</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955800" y="10871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94615</xdr:rowOff>
    </xdr:from>
    <xdr:to>
      <xdr:col>7</xdr:col>
      <xdr:colOff>31750</xdr:colOff>
      <xdr:row>66</xdr:row>
      <xdr:rowOff>24765</xdr:rowOff>
    </xdr:to>
    <xdr:sp macro="" textlink="">
      <xdr:nvSpPr>
        <xdr:cNvPr id="160" name="楕円 159">
          <a:extLst>
            <a:ext uri="{FF2B5EF4-FFF2-40B4-BE49-F238E27FC236}">
              <a16:creationId xmlns:a16="http://schemas.microsoft.com/office/drawing/2014/main" id="{00000000-0008-0000-0300-0000A0000000}"/>
            </a:ext>
          </a:extLst>
        </xdr:cNvPr>
        <xdr:cNvSpPr/>
      </xdr:nvSpPr>
      <xdr:spPr>
        <a:xfrm>
          <a:off x="1397000" y="11238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9542</xdr:rowOff>
    </xdr:from>
    <xdr:ext cx="762000" cy="25904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1066800" y="11325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0,5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物件費及び維持補修費の合計額の人口１人当たりの金額は類似団体内平均より低く推移している。だが、令和元年度から徐々に増加しており、ここ５年間では、最高値となっている。今後も人件費や物件費の抑制を図り、更なる改善に努める。</a:t>
          </a:r>
        </a:p>
      </xdr:txBody>
    </xdr:sp>
    <xdr:clientData/>
  </xdr:twoCellAnchor>
  <xdr:oneCellAnchor>
    <xdr:from>
      <xdr:col>3</xdr:col>
      <xdr:colOff>95250</xdr:colOff>
      <xdr:row>77</xdr:row>
      <xdr:rowOff>6350</xdr:rowOff>
    </xdr:from>
    <xdr:ext cx="349839" cy="225703"/>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6591</xdr:rowOff>
    </xdr:from>
    <xdr:to>
      <xdr:col>23</xdr:col>
      <xdr:colOff>133350</xdr:colOff>
      <xdr:row>89</xdr:row>
      <xdr:rowOff>111665</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flipV="1">
          <a:off x="4953000" y="13812591"/>
          <a:ext cx="0" cy="15581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83742</xdr:rowOff>
    </xdr:from>
    <xdr:ext cx="762000" cy="259045"/>
    <xdr:sp macro="" textlink="">
      <xdr:nvSpPr>
        <xdr:cNvPr id="194" name="人件費・物件費等の状況最小値テキスト">
          <a:extLst>
            <a:ext uri="{FF2B5EF4-FFF2-40B4-BE49-F238E27FC236}">
              <a16:creationId xmlns:a16="http://schemas.microsoft.com/office/drawing/2014/main" id="{00000000-0008-0000-0300-0000C2000000}"/>
            </a:ext>
          </a:extLst>
        </xdr:cNvPr>
        <xdr:cNvSpPr txBox="1"/>
      </xdr:nvSpPr>
      <xdr:spPr>
        <a:xfrm>
          <a:off x="5041900" y="15342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11665</xdr:rowOff>
    </xdr:from>
    <xdr:to>
      <xdr:col>24</xdr:col>
      <xdr:colOff>12700</xdr:colOff>
      <xdr:row>89</xdr:row>
      <xdr:rowOff>111665</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5370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518</xdr:rowOff>
    </xdr:from>
    <xdr:ext cx="762000" cy="259045"/>
    <xdr:sp macro="" textlink="">
      <xdr:nvSpPr>
        <xdr:cNvPr id="196" name="人件費・物件費等の状況最大値テキスト">
          <a:extLst>
            <a:ext uri="{FF2B5EF4-FFF2-40B4-BE49-F238E27FC236}">
              <a16:creationId xmlns:a16="http://schemas.microsoft.com/office/drawing/2014/main" id="{00000000-0008-0000-0300-0000C4000000}"/>
            </a:ext>
          </a:extLst>
        </xdr:cNvPr>
        <xdr:cNvSpPr txBox="1"/>
      </xdr:nvSpPr>
      <xdr:spPr>
        <a:xfrm>
          <a:off x="5041900" y="13556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6591</xdr:rowOff>
    </xdr:from>
    <xdr:to>
      <xdr:col>24</xdr:col>
      <xdr:colOff>12700</xdr:colOff>
      <xdr:row>80</xdr:row>
      <xdr:rowOff>96591</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864100" y="13812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50104</xdr:rowOff>
    </xdr:from>
    <xdr:to>
      <xdr:col>23</xdr:col>
      <xdr:colOff>133350</xdr:colOff>
      <xdr:row>81</xdr:row>
      <xdr:rowOff>64574</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4114800" y="13937554"/>
          <a:ext cx="838200" cy="14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906</xdr:rowOff>
    </xdr:from>
    <xdr:ext cx="762000" cy="259045"/>
    <xdr:sp macro="" textlink="">
      <xdr:nvSpPr>
        <xdr:cNvPr id="199" name="人件費・物件費等の状況平均値テキスト">
          <a:extLst>
            <a:ext uri="{FF2B5EF4-FFF2-40B4-BE49-F238E27FC236}">
              <a16:creationId xmlns:a16="http://schemas.microsoft.com/office/drawing/2014/main" id="{00000000-0008-0000-0300-0000C7000000}"/>
            </a:ext>
          </a:extLst>
        </xdr:cNvPr>
        <xdr:cNvSpPr txBox="1"/>
      </xdr:nvSpPr>
      <xdr:spPr>
        <a:xfrm>
          <a:off x="5041900" y="14060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4,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29829</xdr:rowOff>
    </xdr:from>
    <xdr:to>
      <xdr:col>23</xdr:col>
      <xdr:colOff>184150</xdr:colOff>
      <xdr:row>82</xdr:row>
      <xdr:rowOff>131429</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902200" y="14088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31383</xdr:rowOff>
    </xdr:from>
    <xdr:to>
      <xdr:col>19</xdr:col>
      <xdr:colOff>133350</xdr:colOff>
      <xdr:row>81</xdr:row>
      <xdr:rowOff>50104</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3225800" y="13918833"/>
          <a:ext cx="889000" cy="18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64153</xdr:rowOff>
    </xdr:from>
    <xdr:to>
      <xdr:col>19</xdr:col>
      <xdr:colOff>184150</xdr:colOff>
      <xdr:row>82</xdr:row>
      <xdr:rowOff>94303</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4064000" y="14051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79080</xdr:rowOff>
    </xdr:from>
    <xdr:ext cx="7366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3733800" y="141379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2503</xdr:rowOff>
    </xdr:from>
    <xdr:to>
      <xdr:col>15</xdr:col>
      <xdr:colOff>82550</xdr:colOff>
      <xdr:row>81</xdr:row>
      <xdr:rowOff>31383</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2336800" y="13899953"/>
          <a:ext cx="889000" cy="18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53208</xdr:rowOff>
    </xdr:from>
    <xdr:to>
      <xdr:col>15</xdr:col>
      <xdr:colOff>133350</xdr:colOff>
      <xdr:row>82</xdr:row>
      <xdr:rowOff>83358</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31750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68135</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844800" y="141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2503</xdr:rowOff>
    </xdr:from>
    <xdr:to>
      <xdr:col>11</xdr:col>
      <xdr:colOff>31750</xdr:colOff>
      <xdr:row>81</xdr:row>
      <xdr:rowOff>14816</xdr:rowOff>
    </xdr:to>
    <xdr:cxnSp macro="">
      <xdr:nvCxnSpPr>
        <xdr:cNvPr id="207" name="直線コネクタ 206">
          <a:extLst>
            <a:ext uri="{FF2B5EF4-FFF2-40B4-BE49-F238E27FC236}">
              <a16:creationId xmlns:a16="http://schemas.microsoft.com/office/drawing/2014/main" id="{00000000-0008-0000-0300-0000CF000000}"/>
            </a:ext>
          </a:extLst>
        </xdr:cNvPr>
        <xdr:cNvCxnSpPr/>
      </xdr:nvCxnSpPr>
      <xdr:spPr>
        <a:xfrm flipV="1">
          <a:off x="1447800" y="13899953"/>
          <a:ext cx="889000" cy="2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6431</xdr:rowOff>
    </xdr:from>
    <xdr:to>
      <xdr:col>11</xdr:col>
      <xdr:colOff>82550</xdr:colOff>
      <xdr:row>82</xdr:row>
      <xdr:rowOff>36581</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2286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21358</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955800" y="140802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874</xdr:rowOff>
    </xdr:from>
    <xdr:to>
      <xdr:col>7</xdr:col>
      <xdr:colOff>31750</xdr:colOff>
      <xdr:row>82</xdr:row>
      <xdr:rowOff>8024</xdr:rowOff>
    </xdr:to>
    <xdr:sp macro="" textlink="">
      <xdr:nvSpPr>
        <xdr:cNvPr id="210" name="フローチャート: 判断 209">
          <a:extLst>
            <a:ext uri="{FF2B5EF4-FFF2-40B4-BE49-F238E27FC236}">
              <a16:creationId xmlns:a16="http://schemas.microsoft.com/office/drawing/2014/main" id="{00000000-0008-0000-0300-0000D2000000}"/>
            </a:ext>
          </a:extLst>
        </xdr:cNvPr>
        <xdr:cNvSpPr/>
      </xdr:nvSpPr>
      <xdr:spPr>
        <a:xfrm>
          <a:off x="1397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251</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066800" y="1405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774</xdr:rowOff>
    </xdr:from>
    <xdr:to>
      <xdr:col>23</xdr:col>
      <xdr:colOff>184150</xdr:colOff>
      <xdr:row>81</xdr:row>
      <xdr:rowOff>115374</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902200" y="13901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30301</xdr:rowOff>
    </xdr:from>
    <xdr:ext cx="762000" cy="259045"/>
    <xdr:sp macro="" textlink="">
      <xdr:nvSpPr>
        <xdr:cNvPr id="218" name="人件費・物件費等の状況該当値テキスト">
          <a:extLst>
            <a:ext uri="{FF2B5EF4-FFF2-40B4-BE49-F238E27FC236}">
              <a16:creationId xmlns:a16="http://schemas.microsoft.com/office/drawing/2014/main" id="{00000000-0008-0000-0300-0000DA000000}"/>
            </a:ext>
          </a:extLst>
        </xdr:cNvPr>
        <xdr:cNvSpPr txBox="1"/>
      </xdr:nvSpPr>
      <xdr:spPr>
        <a:xfrm>
          <a:off x="5041900" y="13746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70754</xdr:rowOff>
    </xdr:from>
    <xdr:to>
      <xdr:col>19</xdr:col>
      <xdr:colOff>184150</xdr:colOff>
      <xdr:row>81</xdr:row>
      <xdr:rowOff>100904</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4064000" y="1388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11081</xdr:rowOff>
    </xdr:from>
    <xdr:ext cx="7366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3733800" y="136556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52033</xdr:rowOff>
    </xdr:from>
    <xdr:to>
      <xdr:col>15</xdr:col>
      <xdr:colOff>133350</xdr:colOff>
      <xdr:row>81</xdr:row>
      <xdr:rowOff>82183</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3175000" y="13868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92360</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2844800" y="13636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33153</xdr:rowOff>
    </xdr:from>
    <xdr:to>
      <xdr:col>11</xdr:col>
      <xdr:colOff>82550</xdr:colOff>
      <xdr:row>81</xdr:row>
      <xdr:rowOff>63303</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2286000" y="13849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73480</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955800" y="13618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35466</xdr:rowOff>
    </xdr:from>
    <xdr:to>
      <xdr:col>7</xdr:col>
      <xdr:colOff>31750</xdr:colOff>
      <xdr:row>81</xdr:row>
      <xdr:rowOff>65616</xdr:rowOff>
    </xdr:to>
    <xdr:sp macro="" textlink="">
      <xdr:nvSpPr>
        <xdr:cNvPr id="225" name="楕円 224">
          <a:extLst>
            <a:ext uri="{FF2B5EF4-FFF2-40B4-BE49-F238E27FC236}">
              <a16:creationId xmlns:a16="http://schemas.microsoft.com/office/drawing/2014/main" id="{00000000-0008-0000-0300-0000E1000000}"/>
            </a:ext>
          </a:extLst>
        </xdr:cNvPr>
        <xdr:cNvSpPr/>
      </xdr:nvSpPr>
      <xdr:spPr>
        <a:xfrm>
          <a:off x="1397000" y="1385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75793</xdr:rowOff>
    </xdr:from>
    <xdr:ext cx="762000" cy="259045"/>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066800" y="13620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給与改定は国の上昇率に準じて行っているが、給料表を一部分割しているため、指数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下回る。各年度の変動に関しては、採用・退職にかかるもの及び職員の経験年数階層によるもので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00000000-0008-0000-0300-0000FD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00000000-0008-0000-0300-0000FE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89</xdr:row>
      <xdr:rowOff>136878</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flipV="1">
          <a:off x="17018000" y="13760450"/>
          <a:ext cx="0" cy="163547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08955</xdr:rowOff>
    </xdr:from>
    <xdr:ext cx="762000" cy="259045"/>
    <xdr:sp macro="" textlink="">
      <xdr:nvSpPr>
        <xdr:cNvPr id="256" name="給与水準   （国との比較）最小値テキスト">
          <a:extLst>
            <a:ext uri="{FF2B5EF4-FFF2-40B4-BE49-F238E27FC236}">
              <a16:creationId xmlns:a16="http://schemas.microsoft.com/office/drawing/2014/main" id="{00000000-0008-0000-0300-000000010000}"/>
            </a:ext>
          </a:extLst>
        </xdr:cNvPr>
        <xdr:cNvSpPr txBox="1"/>
      </xdr:nvSpPr>
      <xdr:spPr>
        <a:xfrm>
          <a:off x="17106900" y="1536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6878</xdr:rowOff>
    </xdr:from>
    <xdr:to>
      <xdr:col>81</xdr:col>
      <xdr:colOff>133350</xdr:colOff>
      <xdr:row>89</xdr:row>
      <xdr:rowOff>136878</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539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8" name="給与水準   （国との比較）最大値テキスト">
          <a:extLst>
            <a:ext uri="{FF2B5EF4-FFF2-40B4-BE49-F238E27FC236}">
              <a16:creationId xmlns:a16="http://schemas.microsoft.com/office/drawing/2014/main" id="{00000000-0008-0000-0300-000002010000}"/>
            </a:ext>
          </a:extLst>
        </xdr:cNvPr>
        <xdr:cNvSpPr txBox="1"/>
      </xdr:nvSpPr>
      <xdr:spPr>
        <a:xfrm>
          <a:off x="17106900" y="1350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929100" y="1376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61384</xdr:rowOff>
    </xdr:from>
    <xdr:to>
      <xdr:col>81</xdr:col>
      <xdr:colOff>44450</xdr:colOff>
      <xdr:row>87</xdr:row>
      <xdr:rowOff>37395</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flipV="1">
          <a:off x="16179800" y="14806084"/>
          <a:ext cx="838200" cy="147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7693</xdr:rowOff>
    </xdr:from>
    <xdr:ext cx="762000" cy="259045"/>
    <xdr:sp macro="" textlink="">
      <xdr:nvSpPr>
        <xdr:cNvPr id="261" name="給与水準   （国との比較）平均値テキスト">
          <a:extLst>
            <a:ext uri="{FF2B5EF4-FFF2-40B4-BE49-F238E27FC236}">
              <a16:creationId xmlns:a16="http://schemas.microsoft.com/office/drawing/2014/main" id="{00000000-0008-0000-0300-000005010000}"/>
            </a:ext>
          </a:extLst>
        </xdr:cNvPr>
        <xdr:cNvSpPr txBox="1"/>
      </xdr:nvSpPr>
      <xdr:spPr>
        <a:xfrm>
          <a:off x="17106900" y="14439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1166</xdr:rowOff>
    </xdr:from>
    <xdr:to>
      <xdr:col>81</xdr:col>
      <xdr:colOff>95250</xdr:colOff>
      <xdr:row>85</xdr:row>
      <xdr:rowOff>122766</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9672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8411</xdr:rowOff>
    </xdr:from>
    <xdr:to>
      <xdr:col>77</xdr:col>
      <xdr:colOff>44450</xdr:colOff>
      <xdr:row>87</xdr:row>
      <xdr:rowOff>37395</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5290800" y="14873111"/>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21166</xdr:rowOff>
    </xdr:from>
    <xdr:to>
      <xdr:col>77</xdr:col>
      <xdr:colOff>95250</xdr:colOff>
      <xdr:row>85</xdr:row>
      <xdr:rowOff>122766</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6129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32943</xdr:rowOff>
    </xdr:from>
    <xdr:ext cx="7366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5798800" y="14363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6</xdr:row>
      <xdr:rowOff>128411</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a:off x="14401800" y="1484630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74789</xdr:rowOff>
    </xdr:from>
    <xdr:to>
      <xdr:col>73</xdr:col>
      <xdr:colOff>44450</xdr:colOff>
      <xdr:row>86</xdr:row>
      <xdr:rowOff>4939</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5240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5116</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909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7</xdr:row>
      <xdr:rowOff>64205</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flipV="1">
          <a:off x="13512800" y="14846300"/>
          <a:ext cx="889000" cy="134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74789</xdr:rowOff>
    </xdr:from>
    <xdr:to>
      <xdr:col>68</xdr:col>
      <xdr:colOff>203200</xdr:colOff>
      <xdr:row>86</xdr:row>
      <xdr:rowOff>4939</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4351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5116</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020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61384</xdr:rowOff>
    </xdr:from>
    <xdr:to>
      <xdr:col>64</xdr:col>
      <xdr:colOff>152400</xdr:colOff>
      <xdr:row>85</xdr:row>
      <xdr:rowOff>162984</xdr:rowOff>
    </xdr:to>
    <xdr:sp macro="" textlink="">
      <xdr:nvSpPr>
        <xdr:cNvPr id="272" name="フローチャート: 判断 271">
          <a:extLst>
            <a:ext uri="{FF2B5EF4-FFF2-40B4-BE49-F238E27FC236}">
              <a16:creationId xmlns:a16="http://schemas.microsoft.com/office/drawing/2014/main" id="{00000000-0008-0000-0300-000010010000}"/>
            </a:ext>
          </a:extLst>
        </xdr:cNvPr>
        <xdr:cNvSpPr/>
      </xdr:nvSpPr>
      <xdr:spPr>
        <a:xfrm>
          <a:off x="13462000" y="1463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711</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131800" y="14403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584</xdr:rowOff>
    </xdr:from>
    <xdr:to>
      <xdr:col>81</xdr:col>
      <xdr:colOff>95250</xdr:colOff>
      <xdr:row>86</xdr:row>
      <xdr:rowOff>112184</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967200" y="1475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54111</xdr:rowOff>
    </xdr:from>
    <xdr:ext cx="762000" cy="259045"/>
    <xdr:sp macro="" textlink="">
      <xdr:nvSpPr>
        <xdr:cNvPr id="280" name="給与水準   （国との比較）該当値テキスト">
          <a:extLst>
            <a:ext uri="{FF2B5EF4-FFF2-40B4-BE49-F238E27FC236}">
              <a16:creationId xmlns:a16="http://schemas.microsoft.com/office/drawing/2014/main" id="{00000000-0008-0000-0300-000018010000}"/>
            </a:ext>
          </a:extLst>
        </xdr:cNvPr>
        <xdr:cNvSpPr txBox="1"/>
      </xdr:nvSpPr>
      <xdr:spPr>
        <a:xfrm>
          <a:off x="17106900" y="147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58045</xdr:rowOff>
    </xdr:from>
    <xdr:to>
      <xdr:col>77</xdr:col>
      <xdr:colOff>95250</xdr:colOff>
      <xdr:row>87</xdr:row>
      <xdr:rowOff>88195</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6129000" y="14902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72972</xdr:rowOff>
    </xdr:from>
    <xdr:ext cx="7366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5798800" y="149891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7611</xdr:rowOff>
    </xdr:from>
    <xdr:to>
      <xdr:col>73</xdr:col>
      <xdr:colOff>44450</xdr:colOff>
      <xdr:row>87</xdr:row>
      <xdr:rowOff>7761</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5240000" y="14822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3988</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909800" y="1490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3405</xdr:rowOff>
    </xdr:from>
    <xdr:to>
      <xdr:col>64</xdr:col>
      <xdr:colOff>152400</xdr:colOff>
      <xdr:row>87</xdr:row>
      <xdr:rowOff>115005</xdr:rowOff>
    </xdr:to>
    <xdr:sp macro="" textlink="">
      <xdr:nvSpPr>
        <xdr:cNvPr id="287" name="楕円 286">
          <a:extLst>
            <a:ext uri="{FF2B5EF4-FFF2-40B4-BE49-F238E27FC236}">
              <a16:creationId xmlns:a16="http://schemas.microsoft.com/office/drawing/2014/main" id="{00000000-0008-0000-0300-00001F010000}"/>
            </a:ext>
          </a:extLst>
        </xdr:cNvPr>
        <xdr:cNvSpPr/>
      </xdr:nvSpPr>
      <xdr:spPr>
        <a:xfrm>
          <a:off x="13462000" y="1492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99782</xdr:rowOff>
    </xdr:from>
    <xdr:ext cx="762000" cy="259045"/>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131800" y="150159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国平均及び県内平均を上回っているが、これは積極的に施策を展開するため、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機構改革を実施し、組織を細分化したため、職員の採用が増加したことに起因している。　また、他の要因として、町の人口が減少していることや再任用職員の雇用も挙げられるが、類似団体内の順位は中間に位置するため、新規事業等を精査し、計画的に定員管理を実施していく。</a:t>
          </a: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004</xdr:rowOff>
    </xdr:from>
    <xdr:to>
      <xdr:col>81</xdr:col>
      <xdr:colOff>44450</xdr:colOff>
      <xdr:row>67</xdr:row>
      <xdr:rowOff>123444</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10365004"/>
          <a:ext cx="0" cy="1245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5521</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82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23444</xdr:rowOff>
    </xdr:from>
    <xdr:to>
      <xdr:col>81</xdr:col>
      <xdr:colOff>133350</xdr:colOff>
      <xdr:row>67</xdr:row>
      <xdr:rowOff>123444</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610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4381</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10108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004</xdr:rowOff>
    </xdr:from>
    <xdr:to>
      <xdr:col>81</xdr:col>
      <xdr:colOff>133350</xdr:colOff>
      <xdr:row>60</xdr:row>
      <xdr:rowOff>78004</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0365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65811</xdr:rowOff>
    </xdr:from>
    <xdr:to>
      <xdr:col>81</xdr:col>
      <xdr:colOff>44450</xdr:colOff>
      <xdr:row>61</xdr:row>
      <xdr:rowOff>71603</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0524261"/>
          <a:ext cx="8382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54170</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5126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2093</xdr:rowOff>
    </xdr:from>
    <xdr:to>
      <xdr:col>81</xdr:col>
      <xdr:colOff>95250</xdr:colOff>
      <xdr:row>62</xdr:row>
      <xdr:rowOff>12243</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54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58572</xdr:rowOff>
    </xdr:from>
    <xdr:to>
      <xdr:col>77</xdr:col>
      <xdr:colOff>44450</xdr:colOff>
      <xdr:row>61</xdr:row>
      <xdr:rowOff>65811</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0517022"/>
          <a:ext cx="8890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6302</xdr:rowOff>
    </xdr:from>
    <xdr:to>
      <xdr:col>77</xdr:col>
      <xdr:colOff>95250</xdr:colOff>
      <xdr:row>62</xdr:row>
      <xdr:rowOff>6452</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53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62679</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621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58572</xdr:rowOff>
    </xdr:from>
    <xdr:to>
      <xdr:col>72</xdr:col>
      <xdr:colOff>203200</xdr:colOff>
      <xdr:row>61</xdr:row>
      <xdr:rowOff>64364</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flipV="1">
          <a:off x="14401800" y="10517022"/>
          <a:ext cx="8890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75819</xdr:rowOff>
    </xdr:from>
    <xdr:to>
      <xdr:col>73</xdr:col>
      <xdr:colOff>44450</xdr:colOff>
      <xdr:row>62</xdr:row>
      <xdr:rowOff>5969</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62196</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620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59537</xdr:rowOff>
    </xdr:from>
    <xdr:to>
      <xdr:col>68</xdr:col>
      <xdr:colOff>152400</xdr:colOff>
      <xdr:row>61</xdr:row>
      <xdr:rowOff>64364</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0517987"/>
          <a:ext cx="889000" cy="4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72923</xdr:rowOff>
    </xdr:from>
    <xdr:to>
      <xdr:col>68</xdr:col>
      <xdr:colOff>203200</xdr:colOff>
      <xdr:row>62</xdr:row>
      <xdr:rowOff>3073</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59300</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617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0858</xdr:rowOff>
    </xdr:from>
    <xdr:to>
      <xdr:col>64</xdr:col>
      <xdr:colOff>152400</xdr:colOff>
      <xdr:row>61</xdr:row>
      <xdr:rowOff>162458</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47235</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605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20803</xdr:rowOff>
    </xdr:from>
    <xdr:to>
      <xdr:col>81</xdr:col>
      <xdr:colOff>95250</xdr:colOff>
      <xdr:row>61</xdr:row>
      <xdr:rowOff>122403</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047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37330</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03243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5011</xdr:rowOff>
    </xdr:from>
    <xdr:to>
      <xdr:col>77</xdr:col>
      <xdr:colOff>95250</xdr:colOff>
      <xdr:row>61</xdr:row>
      <xdr:rowOff>116611</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0473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26788</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02423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7772</xdr:rowOff>
    </xdr:from>
    <xdr:to>
      <xdr:col>73</xdr:col>
      <xdr:colOff>44450</xdr:colOff>
      <xdr:row>61</xdr:row>
      <xdr:rowOff>109372</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466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19549</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0235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3564</xdr:rowOff>
    </xdr:from>
    <xdr:to>
      <xdr:col>68</xdr:col>
      <xdr:colOff>203200</xdr:colOff>
      <xdr:row>61</xdr:row>
      <xdr:rowOff>115164</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47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5341</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0240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737</xdr:rowOff>
    </xdr:from>
    <xdr:to>
      <xdr:col>64</xdr:col>
      <xdr:colOff>152400</xdr:colOff>
      <xdr:row>61</xdr:row>
      <xdr:rowOff>110337</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0467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0514</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0236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令和元年度まで継続して比率は減少傾向にあったが、令和２年度は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町営住宅整備事業、令和３年度は、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松田小学校空調設備整備事業の元金償還が開始したこと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ずつ増加した。令和４年度は令和元年度の防災行政無線デジタル化事業債の元金償還が開始したこと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松田小学校整備事業をはじめとした大型公共事業の元金償還の開始や、公共施設の老朽化に伴う改修等も見込まれるため、計画的に公債費の抑制を図っていく必要があ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405880"/>
          <a:ext cx="0" cy="13432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721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74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14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405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1854</xdr:rowOff>
    </xdr:from>
    <xdr:to>
      <xdr:col>81</xdr:col>
      <xdr:colOff>44450</xdr:colOff>
      <xdr:row>41</xdr:row>
      <xdr:rowOff>44027</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7041304"/>
          <a:ext cx="8382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18127</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714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46050</xdr:rowOff>
    </xdr:from>
    <xdr:to>
      <xdr:col>81</xdr:col>
      <xdr:colOff>95250</xdr:colOff>
      <xdr:row>42</xdr:row>
      <xdr:rowOff>7620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67217</xdr:rowOff>
    </xdr:from>
    <xdr:to>
      <xdr:col>77</xdr:col>
      <xdr:colOff>44450</xdr:colOff>
      <xdr:row>41</xdr:row>
      <xdr:rowOff>11854</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5290800" y="7025217"/>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46050</xdr:rowOff>
    </xdr:from>
    <xdr:to>
      <xdr:col>77</xdr:col>
      <xdr:colOff>95250</xdr:colOff>
      <xdr:row>42</xdr:row>
      <xdr:rowOff>76200</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60977</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726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1130</xdr:rowOff>
    </xdr:from>
    <xdr:to>
      <xdr:col>72</xdr:col>
      <xdr:colOff>203200</xdr:colOff>
      <xdr:row>40</xdr:row>
      <xdr:rowOff>167217</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4401800" y="700913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38006</xdr:rowOff>
    </xdr:from>
    <xdr:to>
      <xdr:col>73</xdr:col>
      <xdr:colOff>44450</xdr:colOff>
      <xdr:row>42</xdr:row>
      <xdr:rowOff>68156</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52933</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51130</xdr:rowOff>
    </xdr:from>
    <xdr:to>
      <xdr:col>68</xdr:col>
      <xdr:colOff>152400</xdr:colOff>
      <xdr:row>41</xdr:row>
      <xdr:rowOff>3810</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700913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38006</xdr:rowOff>
    </xdr:from>
    <xdr:to>
      <xdr:col>68</xdr:col>
      <xdr:colOff>203200</xdr:colOff>
      <xdr:row>42</xdr:row>
      <xdr:rowOff>68156</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52933</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9963</xdr:rowOff>
    </xdr:from>
    <xdr:to>
      <xdr:col>64</xdr:col>
      <xdr:colOff>152400</xdr:colOff>
      <xdr:row>42</xdr:row>
      <xdr:rowOff>60113</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71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44890</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724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64677</xdr:rowOff>
    </xdr:from>
    <xdr:to>
      <xdr:col>81</xdr:col>
      <xdr:colOff>95250</xdr:colOff>
      <xdr:row>41</xdr:row>
      <xdr:rowOff>94827</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7022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9754</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867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32504</xdr:rowOff>
    </xdr:from>
    <xdr:to>
      <xdr:col>77</xdr:col>
      <xdr:colOff>95250</xdr:colOff>
      <xdr:row>41</xdr:row>
      <xdr:rowOff>62654</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99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72831</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759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16417</xdr:rowOff>
    </xdr:from>
    <xdr:to>
      <xdr:col>73</xdr:col>
      <xdr:colOff>44450</xdr:colOff>
      <xdr:row>41</xdr:row>
      <xdr:rowOff>46567</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56744</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00330</xdr:rowOff>
    </xdr:from>
    <xdr:to>
      <xdr:col>68</xdr:col>
      <xdr:colOff>203200</xdr:colOff>
      <xdr:row>41</xdr:row>
      <xdr:rowOff>3048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4065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6478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２年度の将来負担比率は、財政調整基金の積立により充当可能基金が増加したこと及び普通交付税の増により標準財政規模が増加したこと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令和３年度も同様の理由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令和４年度は臨時財政対策債や普通交付税の減により標準財政規模は減少しているが、基金の積立が増加したこと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だが、類似団体と比べると決して低くない。</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5787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864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89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00209</xdr:rowOff>
    </xdr:from>
    <xdr:to>
      <xdr:col>81</xdr:col>
      <xdr:colOff>44450</xdr:colOff>
      <xdr:row>15</xdr:row>
      <xdr:rowOff>130991</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500509"/>
          <a:ext cx="838200" cy="202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30991</xdr:rowOff>
    </xdr:from>
    <xdr:to>
      <xdr:col>77</xdr:col>
      <xdr:colOff>44450</xdr:colOff>
      <xdr:row>16</xdr:row>
      <xdr:rowOff>135346</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702741"/>
          <a:ext cx="889000" cy="175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2849</xdr:rowOff>
    </xdr:from>
    <xdr:to>
      <xdr:col>77</xdr:col>
      <xdr:colOff>95250</xdr:colOff>
      <xdr:row>14</xdr:row>
      <xdr:rowOff>42999</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34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53176</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1105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135346</xdr:rowOff>
    </xdr:from>
    <xdr:to>
      <xdr:col>72</xdr:col>
      <xdr:colOff>203200</xdr:colOff>
      <xdr:row>17</xdr:row>
      <xdr:rowOff>148892</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2878546"/>
          <a:ext cx="889000" cy="184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9534</xdr:rowOff>
    </xdr:from>
    <xdr:to>
      <xdr:col>73</xdr:col>
      <xdr:colOff>44450</xdr:colOff>
      <xdr:row>14</xdr:row>
      <xdr:rowOff>121134</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41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31311</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188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07527</xdr:rowOff>
    </xdr:from>
    <xdr:to>
      <xdr:col>68</xdr:col>
      <xdr:colOff>152400</xdr:colOff>
      <xdr:row>17</xdr:row>
      <xdr:rowOff>148892</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a:off x="13512800" y="3022177"/>
          <a:ext cx="889000" cy="41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69185</xdr:rowOff>
    </xdr:from>
    <xdr:to>
      <xdr:col>68</xdr:col>
      <xdr:colOff>203200</xdr:colOff>
      <xdr:row>13</xdr:row>
      <xdr:rowOff>170785</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29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9512</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06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49409</xdr:rowOff>
    </xdr:from>
    <xdr:to>
      <xdr:col>81</xdr:col>
      <xdr:colOff>95250</xdr:colOff>
      <xdr:row>14</xdr:row>
      <xdr:rowOff>151009</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44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21486</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421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80191</xdr:rowOff>
    </xdr:from>
    <xdr:to>
      <xdr:col>77</xdr:col>
      <xdr:colOff>95250</xdr:colOff>
      <xdr:row>16</xdr:row>
      <xdr:rowOff>10341</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651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66568</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7383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84546</xdr:rowOff>
    </xdr:from>
    <xdr:to>
      <xdr:col>73</xdr:col>
      <xdr:colOff>44450</xdr:colOff>
      <xdr:row>17</xdr:row>
      <xdr:rowOff>14696</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282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70923</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2914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98092</xdr:rowOff>
    </xdr:from>
    <xdr:to>
      <xdr:col>68</xdr:col>
      <xdr:colOff>203200</xdr:colOff>
      <xdr:row>18</xdr:row>
      <xdr:rowOff>28242</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012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3019</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099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56727</xdr:rowOff>
    </xdr:from>
    <xdr:to>
      <xdr:col>64</xdr:col>
      <xdr:colOff>152400</xdr:colOff>
      <xdr:row>17</xdr:row>
      <xdr:rowOff>158327</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2971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43104</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057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完全廃止していた地域手当の再導入や、人事院勧告による給与改定により、類似団体内平均と比べても高い水準にある。令和２年度は、制度改正に伴う会計年度任用職員給与費の皆増により、対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令和３年度は、退職手当組合の負担金が減少したため、対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8</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大幅な減となった。令和４年度は分子である人件費の金額は令和３年度と比較すると、ほぼ横ばいだが、分母の経常一財の収入が減少したため、対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8</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69850</xdr:rowOff>
    </xdr:from>
    <xdr:to>
      <xdr:col>24</xdr:col>
      <xdr:colOff>25400</xdr:colOff>
      <xdr:row>40</xdr:row>
      <xdr:rowOff>12319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99150"/>
          <a:ext cx="0" cy="1082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526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53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3190</xdr:rowOff>
    </xdr:from>
    <xdr:to>
      <xdr:col>24</xdr:col>
      <xdr:colOff>114300</xdr:colOff>
      <xdr:row>40</xdr:row>
      <xdr:rowOff>12319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81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62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642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69850</xdr:rowOff>
    </xdr:from>
    <xdr:to>
      <xdr:col>24</xdr:col>
      <xdr:colOff>114300</xdr:colOff>
      <xdr:row>34</xdr:row>
      <xdr:rowOff>698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99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85090</xdr:rowOff>
    </xdr:from>
    <xdr:to>
      <xdr:col>24</xdr:col>
      <xdr:colOff>25400</xdr:colOff>
      <xdr:row>36</xdr:row>
      <xdr:rowOff>11557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25729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130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5990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44780</xdr:rowOff>
    </xdr:from>
    <xdr:to>
      <xdr:col>24</xdr:col>
      <xdr:colOff>76200</xdr:colOff>
      <xdr:row>36</xdr:row>
      <xdr:rowOff>749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85090</xdr:rowOff>
    </xdr:from>
    <xdr:to>
      <xdr:col>19</xdr:col>
      <xdr:colOff>187325</xdr:colOff>
      <xdr:row>37</xdr:row>
      <xdr:rowOff>2032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25729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29540</xdr:rowOff>
    </xdr:from>
    <xdr:to>
      <xdr:col>20</xdr:col>
      <xdr:colOff>38100</xdr:colOff>
      <xdr:row>36</xdr:row>
      <xdr:rowOff>5969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30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6986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899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2700</xdr:rowOff>
    </xdr:from>
    <xdr:to>
      <xdr:col>15</xdr:col>
      <xdr:colOff>98425</xdr:colOff>
      <xdr:row>37</xdr:row>
      <xdr:rowOff>2032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35635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34290</xdr:rowOff>
    </xdr:from>
    <xdr:to>
      <xdr:col>15</xdr:col>
      <xdr:colOff>149225</xdr:colOff>
      <xdr:row>36</xdr:row>
      <xdr:rowOff>1358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06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460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5975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2700</xdr:rowOff>
    </xdr:from>
    <xdr:to>
      <xdr:col>11</xdr:col>
      <xdr:colOff>9525</xdr:colOff>
      <xdr:row>37</xdr:row>
      <xdr:rowOff>5842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35635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44780</xdr:rowOff>
    </xdr:from>
    <xdr:to>
      <xdr:col>11</xdr:col>
      <xdr:colOff>60325</xdr:colOff>
      <xdr:row>36</xdr:row>
      <xdr:rowOff>7493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8510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14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37160</xdr:rowOff>
    </xdr:from>
    <xdr:to>
      <xdr:col>6</xdr:col>
      <xdr:colOff>171450</xdr:colOff>
      <xdr:row>36</xdr:row>
      <xdr:rowOff>6731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13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7748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06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64770</xdr:rowOff>
    </xdr:from>
    <xdr:to>
      <xdr:col>24</xdr:col>
      <xdr:colOff>76200</xdr:colOff>
      <xdr:row>36</xdr:row>
      <xdr:rowOff>16637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236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3684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209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34290</xdr:rowOff>
    </xdr:from>
    <xdr:to>
      <xdr:col>20</xdr:col>
      <xdr:colOff>38100</xdr:colOff>
      <xdr:row>36</xdr:row>
      <xdr:rowOff>13589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206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2066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2928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40970</xdr:rowOff>
    </xdr:from>
    <xdr:to>
      <xdr:col>15</xdr:col>
      <xdr:colOff>149225</xdr:colOff>
      <xdr:row>37</xdr:row>
      <xdr:rowOff>7112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31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5589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39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33350</xdr:rowOff>
    </xdr:from>
    <xdr:to>
      <xdr:col>11</xdr:col>
      <xdr:colOff>60325</xdr:colOff>
      <xdr:row>37</xdr:row>
      <xdr:rowOff>635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482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39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7620</xdr:rowOff>
    </xdr:from>
    <xdr:to>
      <xdr:col>6</xdr:col>
      <xdr:colOff>171450</xdr:colOff>
      <xdr:row>37</xdr:row>
      <xdr:rowOff>10922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351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9399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物件費に係る経常収支比率は全国平均や神奈川県平均、類似団体内平均よりも低くなっている。令和３年度は、西平畑公園の入園料徴収委託等の新規経費により、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加となった。令和４年度は、物価高騰による光熱水費の増により、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9</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加となった。</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1750</xdr:rowOff>
    </xdr:from>
    <xdr:to>
      <xdr:col>82</xdr:col>
      <xdr:colOff>107950</xdr:colOff>
      <xdr:row>21</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260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8127</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20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1750</xdr:rowOff>
    </xdr:from>
    <xdr:to>
      <xdr:col>82</xdr:col>
      <xdr:colOff>196850</xdr:colOff>
      <xdr:row>13</xdr:row>
      <xdr:rowOff>3175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26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2700</xdr:rowOff>
    </xdr:from>
    <xdr:to>
      <xdr:col>82</xdr:col>
      <xdr:colOff>107950</xdr:colOff>
      <xdr:row>16</xdr:row>
      <xdr:rowOff>98425</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5671800" y="2755900"/>
          <a:ext cx="8382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95902</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8391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3825</xdr:rowOff>
    </xdr:from>
    <xdr:to>
      <xdr:col>82</xdr:col>
      <xdr:colOff>158750</xdr:colOff>
      <xdr:row>17</xdr:row>
      <xdr:rowOff>5397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867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165100</xdr:rowOff>
    </xdr:from>
    <xdr:to>
      <xdr:col>78</xdr:col>
      <xdr:colOff>69850</xdr:colOff>
      <xdr:row>16</xdr:row>
      <xdr:rowOff>12700</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4782800" y="25654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61925</xdr:rowOff>
    </xdr:from>
    <xdr:to>
      <xdr:col>78</xdr:col>
      <xdr:colOff>120650</xdr:colOff>
      <xdr:row>16</xdr:row>
      <xdr:rowOff>92075</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73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76852</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8200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65100</xdr:rowOff>
    </xdr:from>
    <xdr:to>
      <xdr:col>73</xdr:col>
      <xdr:colOff>180975</xdr:colOff>
      <xdr:row>16</xdr:row>
      <xdr:rowOff>22225</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flipV="1">
          <a:off x="13893800" y="2565400"/>
          <a:ext cx="8890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28575</xdr:rowOff>
    </xdr:from>
    <xdr:to>
      <xdr:col>74</xdr:col>
      <xdr:colOff>31750</xdr:colOff>
      <xdr:row>16</xdr:row>
      <xdr:rowOff>130175</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771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14952</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858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22225</xdr:rowOff>
    </xdr:from>
    <xdr:to>
      <xdr:col>69</xdr:col>
      <xdr:colOff>92075</xdr:colOff>
      <xdr:row>16</xdr:row>
      <xdr:rowOff>88900</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flipV="1">
          <a:off x="13004800" y="2765425"/>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0</xdr:rowOff>
    </xdr:from>
    <xdr:to>
      <xdr:col>69</xdr:col>
      <xdr:colOff>142875</xdr:colOff>
      <xdr:row>17</xdr:row>
      <xdr:rowOff>10160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91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863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300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1925</xdr:rowOff>
    </xdr:from>
    <xdr:to>
      <xdr:col>65</xdr:col>
      <xdr:colOff>53975</xdr:colOff>
      <xdr:row>17</xdr:row>
      <xdr:rowOff>92075</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905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6852</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991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7625</xdr:rowOff>
    </xdr:from>
    <xdr:to>
      <xdr:col>82</xdr:col>
      <xdr:colOff>158750</xdr:colOff>
      <xdr:row>16</xdr:row>
      <xdr:rowOff>149225</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279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64152</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2635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33350</xdr:rowOff>
    </xdr:from>
    <xdr:to>
      <xdr:col>78</xdr:col>
      <xdr:colOff>120650</xdr:colOff>
      <xdr:row>16</xdr:row>
      <xdr:rowOff>6350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270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73677</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2473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14300</xdr:rowOff>
    </xdr:from>
    <xdr:to>
      <xdr:col>74</xdr:col>
      <xdr:colOff>31750</xdr:colOff>
      <xdr:row>15</xdr:row>
      <xdr:rowOff>4445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251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5462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228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42875</xdr:rowOff>
    </xdr:from>
    <xdr:to>
      <xdr:col>69</xdr:col>
      <xdr:colOff>142875</xdr:colOff>
      <xdr:row>16</xdr:row>
      <xdr:rowOff>73025</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2714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83202</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2483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8100</xdr:rowOff>
    </xdr:from>
    <xdr:to>
      <xdr:col>65</xdr:col>
      <xdr:colOff>53975</xdr:colOff>
      <xdr:row>16</xdr:row>
      <xdr:rowOff>139700</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278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9877</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２年度は、児童手当の対象者の減少や新型コロナウイルス流行による受診控えにより、医療費の公費負担が減少したことにより、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減となった。令和３年度は、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減となったが、分子である扶助費の金額は令和２年度と変わりなく、分母の経常一財の収入が増加したため、減少となった。令和４年度は障害福祉サービス等給付費等が増加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7" name="扶助費グラフ枠">
          <a:extLst>
            <a:ext uri="{FF2B5EF4-FFF2-40B4-BE49-F238E27FC236}">
              <a16:creationId xmlns:a16="http://schemas.microsoft.com/office/drawing/2014/main" id="{00000000-0008-0000-0400-0000BB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13393</xdr:rowOff>
    </xdr:from>
    <xdr:to>
      <xdr:col>24</xdr:col>
      <xdr:colOff>25400</xdr:colOff>
      <xdr:row>61</xdr:row>
      <xdr:rowOff>15422</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4826000" y="9200243"/>
          <a:ext cx="0" cy="127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9" name="扶助費最小値テキスト">
          <a:extLst>
            <a:ext uri="{FF2B5EF4-FFF2-40B4-BE49-F238E27FC236}">
              <a16:creationId xmlns:a16="http://schemas.microsoft.com/office/drawing/2014/main" id="{00000000-0008-0000-0400-0000BD000000}"/>
            </a:ext>
          </a:extLst>
        </xdr:cNvPr>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28320</xdr:rowOff>
    </xdr:from>
    <xdr:ext cx="762000" cy="259045"/>
    <xdr:sp macro="" textlink="">
      <xdr:nvSpPr>
        <xdr:cNvPr id="191" name="扶助費最大値テキスト">
          <a:extLst>
            <a:ext uri="{FF2B5EF4-FFF2-40B4-BE49-F238E27FC236}">
              <a16:creationId xmlns:a16="http://schemas.microsoft.com/office/drawing/2014/main" id="{00000000-0008-0000-0400-0000BF000000}"/>
            </a:ext>
          </a:extLst>
        </xdr:cNvPr>
        <xdr:cNvSpPr txBox="1"/>
      </xdr:nvSpPr>
      <xdr:spPr>
        <a:xfrm>
          <a:off x="4914900" y="8943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13393</xdr:rowOff>
    </xdr:from>
    <xdr:to>
      <xdr:col>24</xdr:col>
      <xdr:colOff>114300</xdr:colOff>
      <xdr:row>53</xdr:row>
      <xdr:rowOff>113393</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4737100" y="9200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23585</xdr:rowOff>
    </xdr:from>
    <xdr:to>
      <xdr:col>24</xdr:col>
      <xdr:colOff>25400</xdr:colOff>
      <xdr:row>56</xdr:row>
      <xdr:rowOff>99785</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3987800" y="9624785"/>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2855</xdr:rowOff>
    </xdr:from>
    <xdr:ext cx="762000" cy="259045"/>
    <xdr:sp macro="" textlink="">
      <xdr:nvSpPr>
        <xdr:cNvPr id="194" name="扶助費平均値テキスト">
          <a:extLst>
            <a:ext uri="{FF2B5EF4-FFF2-40B4-BE49-F238E27FC236}">
              <a16:creationId xmlns:a16="http://schemas.microsoft.com/office/drawing/2014/main" id="{00000000-0008-0000-0400-0000C2000000}"/>
            </a:ext>
          </a:extLst>
        </xdr:cNvPr>
        <xdr:cNvSpPr txBox="1"/>
      </xdr:nvSpPr>
      <xdr:spPr>
        <a:xfrm>
          <a:off x="4914900" y="9462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328</xdr:rowOff>
    </xdr:from>
    <xdr:to>
      <xdr:col>24</xdr:col>
      <xdr:colOff>76200</xdr:colOff>
      <xdr:row>56</xdr:row>
      <xdr:rowOff>117928</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4775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23585</xdr:rowOff>
    </xdr:from>
    <xdr:to>
      <xdr:col>19</xdr:col>
      <xdr:colOff>187325</xdr:colOff>
      <xdr:row>56</xdr:row>
      <xdr:rowOff>78015</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flipV="1">
          <a:off x="3098800" y="9624785"/>
          <a:ext cx="889000" cy="5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91820</xdr:rowOff>
    </xdr:from>
    <xdr:ext cx="7366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3606800" y="9693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78015</xdr:rowOff>
    </xdr:from>
    <xdr:to>
      <xdr:col>15</xdr:col>
      <xdr:colOff>98425</xdr:colOff>
      <xdr:row>56</xdr:row>
      <xdr:rowOff>143328</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flipV="1">
          <a:off x="2209800" y="96792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38100</xdr:rowOff>
    </xdr:from>
    <xdr:to>
      <xdr:col>15</xdr:col>
      <xdr:colOff>149225</xdr:colOff>
      <xdr:row>56</xdr:row>
      <xdr:rowOff>1397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3048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244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717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10672</xdr:rowOff>
    </xdr:from>
    <xdr:to>
      <xdr:col>11</xdr:col>
      <xdr:colOff>9525</xdr:colOff>
      <xdr:row>56</xdr:row>
      <xdr:rowOff>143328</xdr:rowOff>
    </xdr:to>
    <xdr:cxnSp macro="">
      <xdr:nvCxnSpPr>
        <xdr:cNvPr id="202" name="直線コネクタ 201">
          <a:extLst>
            <a:ext uri="{FF2B5EF4-FFF2-40B4-BE49-F238E27FC236}">
              <a16:creationId xmlns:a16="http://schemas.microsoft.com/office/drawing/2014/main" id="{00000000-0008-0000-0400-0000CA000000}"/>
            </a:ext>
          </a:extLst>
        </xdr:cNvPr>
        <xdr:cNvCxnSpPr/>
      </xdr:nvCxnSpPr>
      <xdr:spPr>
        <a:xfrm>
          <a:off x="1320800" y="97118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14300</xdr:rowOff>
    </xdr:from>
    <xdr:to>
      <xdr:col>11</xdr:col>
      <xdr:colOff>60325</xdr:colOff>
      <xdr:row>57</xdr:row>
      <xdr:rowOff>44450</xdr:rowOff>
    </xdr:to>
    <xdr:sp macro="" textlink="">
      <xdr:nvSpPr>
        <xdr:cNvPr id="203" name="フローチャート: 判断 202">
          <a:extLst>
            <a:ext uri="{FF2B5EF4-FFF2-40B4-BE49-F238E27FC236}">
              <a16:creationId xmlns:a16="http://schemas.microsoft.com/office/drawing/2014/main" id="{00000000-0008-0000-0400-0000CB000000}"/>
            </a:ext>
          </a:extLst>
        </xdr:cNvPr>
        <xdr:cNvSpPr/>
      </xdr:nvSpPr>
      <xdr:spPr>
        <a:xfrm>
          <a:off x="2159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2922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828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2528</xdr:rowOff>
    </xdr:from>
    <xdr:to>
      <xdr:col>6</xdr:col>
      <xdr:colOff>171450</xdr:colOff>
      <xdr:row>57</xdr:row>
      <xdr:rowOff>22678</xdr:rowOff>
    </xdr:to>
    <xdr:sp macro="" textlink="">
      <xdr:nvSpPr>
        <xdr:cNvPr id="205" name="フローチャート: 判断 204">
          <a:extLst>
            <a:ext uri="{FF2B5EF4-FFF2-40B4-BE49-F238E27FC236}">
              <a16:creationId xmlns:a16="http://schemas.microsoft.com/office/drawing/2014/main" id="{00000000-0008-0000-0400-0000CD000000}"/>
            </a:ext>
          </a:extLst>
        </xdr:cNvPr>
        <xdr:cNvSpPr/>
      </xdr:nvSpPr>
      <xdr:spPr>
        <a:xfrm>
          <a:off x="1270000" y="969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7455</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939800" y="978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48985</xdr:rowOff>
    </xdr:from>
    <xdr:to>
      <xdr:col>24</xdr:col>
      <xdr:colOff>76200</xdr:colOff>
      <xdr:row>56</xdr:row>
      <xdr:rowOff>150585</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4775200" y="9650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1062</xdr:rowOff>
    </xdr:from>
    <xdr:ext cx="762000" cy="259045"/>
    <xdr:sp macro="" textlink="">
      <xdr:nvSpPr>
        <xdr:cNvPr id="213" name="扶助費該当値テキスト">
          <a:extLst>
            <a:ext uri="{FF2B5EF4-FFF2-40B4-BE49-F238E27FC236}">
              <a16:creationId xmlns:a16="http://schemas.microsoft.com/office/drawing/2014/main" id="{00000000-0008-0000-0400-0000D5000000}"/>
            </a:ext>
          </a:extLst>
        </xdr:cNvPr>
        <xdr:cNvSpPr txBox="1"/>
      </xdr:nvSpPr>
      <xdr:spPr>
        <a:xfrm>
          <a:off x="4914900" y="9622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44235</xdr:rowOff>
    </xdr:from>
    <xdr:to>
      <xdr:col>20</xdr:col>
      <xdr:colOff>38100</xdr:colOff>
      <xdr:row>56</xdr:row>
      <xdr:rowOff>74385</xdr:rowOff>
    </xdr:to>
    <xdr:sp macro="" textlink="">
      <xdr:nvSpPr>
        <xdr:cNvPr id="214" name="楕円 213">
          <a:extLst>
            <a:ext uri="{FF2B5EF4-FFF2-40B4-BE49-F238E27FC236}">
              <a16:creationId xmlns:a16="http://schemas.microsoft.com/office/drawing/2014/main" id="{00000000-0008-0000-0400-0000D6000000}"/>
            </a:ext>
          </a:extLst>
        </xdr:cNvPr>
        <xdr:cNvSpPr/>
      </xdr:nvSpPr>
      <xdr:spPr>
        <a:xfrm>
          <a:off x="3937000" y="957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4562</xdr:rowOff>
    </xdr:from>
    <xdr:ext cx="736600" cy="259045"/>
    <xdr:sp macro="" textlink="">
      <xdr:nvSpPr>
        <xdr:cNvPr id="215" name="テキスト ボックス 214">
          <a:extLst>
            <a:ext uri="{FF2B5EF4-FFF2-40B4-BE49-F238E27FC236}">
              <a16:creationId xmlns:a16="http://schemas.microsoft.com/office/drawing/2014/main" id="{00000000-0008-0000-0400-0000D7000000}"/>
            </a:ext>
          </a:extLst>
        </xdr:cNvPr>
        <xdr:cNvSpPr txBox="1"/>
      </xdr:nvSpPr>
      <xdr:spPr>
        <a:xfrm>
          <a:off x="3606800" y="9342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27215</xdr:rowOff>
    </xdr:from>
    <xdr:to>
      <xdr:col>15</xdr:col>
      <xdr:colOff>149225</xdr:colOff>
      <xdr:row>56</xdr:row>
      <xdr:rowOff>128815</xdr:rowOff>
    </xdr:to>
    <xdr:sp macro="" textlink="">
      <xdr:nvSpPr>
        <xdr:cNvPr id="216" name="楕円 215">
          <a:extLst>
            <a:ext uri="{FF2B5EF4-FFF2-40B4-BE49-F238E27FC236}">
              <a16:creationId xmlns:a16="http://schemas.microsoft.com/office/drawing/2014/main" id="{00000000-0008-0000-0400-0000D8000000}"/>
            </a:ext>
          </a:extLst>
        </xdr:cNvPr>
        <xdr:cNvSpPr/>
      </xdr:nvSpPr>
      <xdr:spPr>
        <a:xfrm>
          <a:off x="3048000" y="962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38992</xdr:rowOff>
    </xdr:from>
    <xdr:ext cx="762000" cy="259045"/>
    <xdr:sp macro="" textlink="">
      <xdr:nvSpPr>
        <xdr:cNvPr id="217" name="テキスト ボックス 216">
          <a:extLst>
            <a:ext uri="{FF2B5EF4-FFF2-40B4-BE49-F238E27FC236}">
              <a16:creationId xmlns:a16="http://schemas.microsoft.com/office/drawing/2014/main" id="{00000000-0008-0000-0400-0000D9000000}"/>
            </a:ext>
          </a:extLst>
        </xdr:cNvPr>
        <xdr:cNvSpPr txBox="1"/>
      </xdr:nvSpPr>
      <xdr:spPr>
        <a:xfrm>
          <a:off x="2717800" y="9397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92528</xdr:rowOff>
    </xdr:from>
    <xdr:to>
      <xdr:col>11</xdr:col>
      <xdr:colOff>60325</xdr:colOff>
      <xdr:row>57</xdr:row>
      <xdr:rowOff>22678</xdr:rowOff>
    </xdr:to>
    <xdr:sp macro="" textlink="">
      <xdr:nvSpPr>
        <xdr:cNvPr id="218" name="楕円 217">
          <a:extLst>
            <a:ext uri="{FF2B5EF4-FFF2-40B4-BE49-F238E27FC236}">
              <a16:creationId xmlns:a16="http://schemas.microsoft.com/office/drawing/2014/main" id="{00000000-0008-0000-0400-0000DA000000}"/>
            </a:ext>
          </a:extLst>
        </xdr:cNvPr>
        <xdr:cNvSpPr/>
      </xdr:nvSpPr>
      <xdr:spPr>
        <a:xfrm>
          <a:off x="21590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32855</xdr:rowOff>
    </xdr:from>
    <xdr:ext cx="762000" cy="259045"/>
    <xdr:sp macro="" textlink="">
      <xdr:nvSpPr>
        <xdr:cNvPr id="219" name="テキスト ボックス 218">
          <a:extLst>
            <a:ext uri="{FF2B5EF4-FFF2-40B4-BE49-F238E27FC236}">
              <a16:creationId xmlns:a16="http://schemas.microsoft.com/office/drawing/2014/main" id="{00000000-0008-0000-0400-0000DB000000}"/>
            </a:ext>
          </a:extLst>
        </xdr:cNvPr>
        <xdr:cNvSpPr txBox="1"/>
      </xdr:nvSpPr>
      <xdr:spPr>
        <a:xfrm>
          <a:off x="1828800" y="946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9872</xdr:rowOff>
    </xdr:from>
    <xdr:to>
      <xdr:col>6</xdr:col>
      <xdr:colOff>171450</xdr:colOff>
      <xdr:row>56</xdr:row>
      <xdr:rowOff>161472</xdr:rowOff>
    </xdr:to>
    <xdr:sp macro="" textlink="">
      <xdr:nvSpPr>
        <xdr:cNvPr id="220" name="楕円 219">
          <a:extLst>
            <a:ext uri="{FF2B5EF4-FFF2-40B4-BE49-F238E27FC236}">
              <a16:creationId xmlns:a16="http://schemas.microsoft.com/office/drawing/2014/main" id="{00000000-0008-0000-0400-0000DC000000}"/>
            </a:ext>
          </a:extLst>
        </xdr:cNvPr>
        <xdr:cNvSpPr/>
      </xdr:nvSpPr>
      <xdr:spPr>
        <a:xfrm>
          <a:off x="1270000" y="9661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99</xdr:rowOff>
    </xdr:from>
    <xdr:ext cx="762000" cy="259045"/>
    <xdr:sp macro="" textlink="">
      <xdr:nvSpPr>
        <xdr:cNvPr id="221" name="テキスト ボックス 220">
          <a:extLst>
            <a:ext uri="{FF2B5EF4-FFF2-40B4-BE49-F238E27FC236}">
              <a16:creationId xmlns:a16="http://schemas.microsoft.com/office/drawing/2014/main" id="{00000000-0008-0000-0400-0000DD000000}"/>
            </a:ext>
          </a:extLst>
        </xdr:cNvPr>
        <xdr:cNvSpPr txBox="1"/>
      </xdr:nvSpPr>
      <xdr:spPr>
        <a:xfrm>
          <a:off x="939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その他に係る経常収支比率は、令和２年度までは類似団体内平均を上回っている。主な要因は、下水道事業会計などへの多額な繰出金である。令和４年度は、介護保険事業会計への繰出金が増加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となった。また、類似団体内平均を</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上回った。</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49</xdr:row>
      <xdr:rowOff>107950</xdr:rowOff>
    </xdr:from>
    <xdr:ext cx="298543" cy="225703"/>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1" name="テキスト ボックス 240">
          <a:extLst>
            <a:ext uri="{FF2B5EF4-FFF2-40B4-BE49-F238E27FC236}">
              <a16:creationId xmlns:a16="http://schemas.microsoft.com/office/drawing/2014/main" id="{00000000-0008-0000-0400-0000F1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3" name="テキスト ボックス 242">
          <a:extLst>
            <a:ext uri="{FF2B5EF4-FFF2-40B4-BE49-F238E27FC236}">
              <a16:creationId xmlns:a16="http://schemas.microsoft.com/office/drawing/2014/main" id="{00000000-0008-0000-0400-0000F3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5" name="テキスト ボックス 244">
          <a:extLst>
            <a:ext uri="{FF2B5EF4-FFF2-40B4-BE49-F238E27FC236}">
              <a16:creationId xmlns:a16="http://schemas.microsoft.com/office/drawing/2014/main" id="{00000000-0008-0000-0400-0000F5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7" name="テキスト ボックス 246">
          <a:extLst>
            <a:ext uri="{FF2B5EF4-FFF2-40B4-BE49-F238E27FC236}">
              <a16:creationId xmlns:a16="http://schemas.microsoft.com/office/drawing/2014/main" id="{00000000-0008-0000-0400-0000F7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41696</xdr:rowOff>
    </xdr:from>
    <xdr:to>
      <xdr:col>82</xdr:col>
      <xdr:colOff>107950</xdr:colOff>
      <xdr:row>60</xdr:row>
      <xdr:rowOff>14986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228546"/>
          <a:ext cx="0" cy="1208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193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08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9860</xdr:rowOff>
    </xdr:from>
    <xdr:to>
      <xdr:col>82</xdr:col>
      <xdr:colOff>196850</xdr:colOff>
      <xdr:row>60</xdr:row>
      <xdr:rowOff>14986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36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56623</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972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41696</xdr:rowOff>
    </xdr:from>
    <xdr:to>
      <xdr:col>82</xdr:col>
      <xdr:colOff>196850</xdr:colOff>
      <xdr:row>53</xdr:row>
      <xdr:rowOff>141696</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228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63319</xdr:rowOff>
    </xdr:from>
    <xdr:to>
      <xdr:col>82</xdr:col>
      <xdr:colOff>107950</xdr:colOff>
      <xdr:row>57</xdr:row>
      <xdr:rowOff>135165</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5671800" y="9835969"/>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29046</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6302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2519</xdr:rowOff>
    </xdr:from>
    <xdr:to>
      <xdr:col>82</xdr:col>
      <xdr:colOff>158750</xdr:colOff>
      <xdr:row>57</xdr:row>
      <xdr:rowOff>114119</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785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63319</xdr:rowOff>
    </xdr:from>
    <xdr:to>
      <xdr:col>78</xdr:col>
      <xdr:colOff>69850</xdr:colOff>
      <xdr:row>58</xdr:row>
      <xdr:rowOff>48623</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4782800" y="9835969"/>
          <a:ext cx="889000" cy="156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54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29028</xdr:rowOff>
    </xdr:from>
    <xdr:to>
      <xdr:col>73</xdr:col>
      <xdr:colOff>180975</xdr:colOff>
      <xdr:row>58</xdr:row>
      <xdr:rowOff>48623</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9973128"/>
          <a:ext cx="8890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77833</xdr:rowOff>
    </xdr:from>
    <xdr:to>
      <xdr:col>74</xdr:col>
      <xdr:colOff>31750</xdr:colOff>
      <xdr:row>58</xdr:row>
      <xdr:rowOff>7983</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85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8160</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619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29028</xdr:rowOff>
    </xdr:from>
    <xdr:to>
      <xdr:col>69</xdr:col>
      <xdr:colOff>92075</xdr:colOff>
      <xdr:row>58</xdr:row>
      <xdr:rowOff>87812</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flipV="1">
          <a:off x="13004800" y="9973128"/>
          <a:ext cx="889000" cy="58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4692</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97427</xdr:rowOff>
    </xdr:from>
    <xdr:to>
      <xdr:col>65</xdr:col>
      <xdr:colOff>53975</xdr:colOff>
      <xdr:row>58</xdr:row>
      <xdr:rowOff>27577</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37754</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638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4365</xdr:rowOff>
    </xdr:from>
    <xdr:to>
      <xdr:col>82</xdr:col>
      <xdr:colOff>158750</xdr:colOff>
      <xdr:row>58</xdr:row>
      <xdr:rowOff>14515</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85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56442</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829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2519</xdr:rowOff>
    </xdr:from>
    <xdr:to>
      <xdr:col>78</xdr:col>
      <xdr:colOff>120650</xdr:colOff>
      <xdr:row>57</xdr:row>
      <xdr:rowOff>114119</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785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24296</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5540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69273</xdr:rowOff>
    </xdr:from>
    <xdr:to>
      <xdr:col>74</xdr:col>
      <xdr:colOff>31750</xdr:colOff>
      <xdr:row>58</xdr:row>
      <xdr:rowOff>99423</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941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84200</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10028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49678</xdr:rowOff>
    </xdr:from>
    <xdr:to>
      <xdr:col>69</xdr:col>
      <xdr:colOff>142875</xdr:colOff>
      <xdr:row>58</xdr:row>
      <xdr:rowOff>79828</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64605</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7012</xdr:rowOff>
    </xdr:from>
    <xdr:to>
      <xdr:col>65</xdr:col>
      <xdr:colOff>53975</xdr:colOff>
      <xdr:row>58</xdr:row>
      <xdr:rowOff>138612</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981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3389</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10067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広域消防や清掃組合への負担金が多くを占めており、ほぼ固定化されている。補助費の決算額はほぼ横ばいだが分母の経常一財の収入が減少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類似団体内平均よりは低いものの、全国平均や神奈川県平均よりは高いため、今後は各種補助金についても見直しを図り、経費の縮減に努めていく。</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270</xdr:rowOff>
    </xdr:from>
    <xdr:to>
      <xdr:col>82</xdr:col>
      <xdr:colOff>107950</xdr:colOff>
      <xdr:row>41</xdr:row>
      <xdr:rowOff>13081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659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288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132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0810</xdr:rowOff>
    </xdr:from>
    <xdr:to>
      <xdr:col>82</xdr:col>
      <xdr:colOff>196850</xdr:colOff>
      <xdr:row>41</xdr:row>
      <xdr:rowOff>13081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16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8764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402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270</xdr:rowOff>
    </xdr:from>
    <xdr:to>
      <xdr:col>82</xdr:col>
      <xdr:colOff>196850</xdr:colOff>
      <xdr:row>33</xdr:row>
      <xdr:rowOff>127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659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96520</xdr:rowOff>
    </xdr:from>
    <xdr:to>
      <xdr:col>82</xdr:col>
      <xdr:colOff>107950</xdr:colOff>
      <xdr:row>36</xdr:row>
      <xdr:rowOff>14224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5671800" y="626872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6257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6334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9050</xdr:rowOff>
    </xdr:from>
    <xdr:to>
      <xdr:col>82</xdr:col>
      <xdr:colOff>158750</xdr:colOff>
      <xdr:row>37</xdr:row>
      <xdr:rowOff>12065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96520</xdr:rowOff>
    </xdr:from>
    <xdr:to>
      <xdr:col>78</xdr:col>
      <xdr:colOff>69850</xdr:colOff>
      <xdr:row>36</xdr:row>
      <xdr:rowOff>16510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2687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65100</xdr:rowOff>
    </xdr:from>
    <xdr:to>
      <xdr:col>73</xdr:col>
      <xdr:colOff>180975</xdr:colOff>
      <xdr:row>37</xdr:row>
      <xdr:rowOff>4699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63373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64770</xdr:rowOff>
    </xdr:from>
    <xdr:to>
      <xdr:col>74</xdr:col>
      <xdr:colOff>31750</xdr:colOff>
      <xdr:row>37</xdr:row>
      <xdr:rowOff>16637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5114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46990</xdr:rowOff>
    </xdr:from>
    <xdr:to>
      <xdr:col>69</xdr:col>
      <xdr:colOff>92075</xdr:colOff>
      <xdr:row>37</xdr:row>
      <xdr:rowOff>5461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flipV="1">
          <a:off x="13004800" y="63906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80010</xdr:rowOff>
    </xdr:from>
    <xdr:to>
      <xdr:col>69</xdr:col>
      <xdr:colOff>142875</xdr:colOff>
      <xdr:row>38</xdr:row>
      <xdr:rowOff>1016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42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6638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26670</xdr:rowOff>
    </xdr:from>
    <xdr:to>
      <xdr:col>65</xdr:col>
      <xdr:colOff>53975</xdr:colOff>
      <xdr:row>37</xdr:row>
      <xdr:rowOff>12827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1304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1440</xdr:rowOff>
    </xdr:from>
    <xdr:to>
      <xdr:col>82</xdr:col>
      <xdr:colOff>158750</xdr:colOff>
      <xdr:row>37</xdr:row>
      <xdr:rowOff>2159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263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0796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45720</xdr:rowOff>
    </xdr:from>
    <xdr:to>
      <xdr:col>78</xdr:col>
      <xdr:colOff>120650</xdr:colOff>
      <xdr:row>36</xdr:row>
      <xdr:rowOff>14732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217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5749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5986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14300</xdr:rowOff>
    </xdr:from>
    <xdr:to>
      <xdr:col>74</xdr:col>
      <xdr:colOff>31750</xdr:colOff>
      <xdr:row>37</xdr:row>
      <xdr:rowOff>444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5462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67640</xdr:rowOff>
    </xdr:from>
    <xdr:to>
      <xdr:col>69</xdr:col>
      <xdr:colOff>142875</xdr:colOff>
      <xdr:row>37</xdr:row>
      <xdr:rowOff>9779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33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0796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3810</xdr:rowOff>
    </xdr:from>
    <xdr:to>
      <xdr:col>65</xdr:col>
      <xdr:colOff>53975</xdr:colOff>
      <xdr:row>37</xdr:row>
      <xdr:rowOff>10541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34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1558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債費に係る経常収支比率は、全国平均及び神奈川県平均を下回っており、類似団体内でも低い比率で推移している。また、今後、松田小学校整備事業をはじめとした大型公共事業の元金償還が始まるため、計画的に公債費の抑制を図っていく必要が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38430</xdr:rowOff>
    </xdr:from>
    <xdr:to>
      <xdr:col>24</xdr:col>
      <xdr:colOff>25400</xdr:colOff>
      <xdr:row>80</xdr:row>
      <xdr:rowOff>8128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65428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3357</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76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1280</xdr:rowOff>
    </xdr:from>
    <xdr:to>
      <xdr:col>24</xdr:col>
      <xdr:colOff>114300</xdr:colOff>
      <xdr:row>80</xdr:row>
      <xdr:rowOff>8128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79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3357</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39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38430</xdr:rowOff>
    </xdr:from>
    <xdr:to>
      <xdr:col>24</xdr:col>
      <xdr:colOff>114300</xdr:colOff>
      <xdr:row>73</xdr:row>
      <xdr:rowOff>13843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654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4996</xdr:rowOff>
    </xdr:from>
    <xdr:to>
      <xdr:col>24</xdr:col>
      <xdr:colOff>25400</xdr:colOff>
      <xdr:row>76</xdr:row>
      <xdr:rowOff>154432</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3987800" y="13125196"/>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8559</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32202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46482</xdr:rowOff>
    </xdr:from>
    <xdr:to>
      <xdr:col>24</xdr:col>
      <xdr:colOff>76200</xdr:colOff>
      <xdr:row>77</xdr:row>
      <xdr:rowOff>148082</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4996</xdr:rowOff>
    </xdr:from>
    <xdr:to>
      <xdr:col>19</xdr:col>
      <xdr:colOff>187325</xdr:colOff>
      <xdr:row>76</xdr:row>
      <xdr:rowOff>131572</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098800" y="1312519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9568</xdr:rowOff>
    </xdr:from>
    <xdr:to>
      <xdr:col>15</xdr:col>
      <xdr:colOff>98425</xdr:colOff>
      <xdr:row>76</xdr:row>
      <xdr:rowOff>131572</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2209800" y="1312976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2765</xdr:rowOff>
    </xdr:from>
    <xdr:to>
      <xdr:col>15</xdr:col>
      <xdr:colOff>149225</xdr:colOff>
      <xdr:row>77</xdr:row>
      <xdr:rowOff>134365</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9142</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9568</xdr:rowOff>
    </xdr:from>
    <xdr:to>
      <xdr:col>11</xdr:col>
      <xdr:colOff>9525</xdr:colOff>
      <xdr:row>76</xdr:row>
      <xdr:rowOff>136144</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12976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4478</xdr:rowOff>
    </xdr:from>
    <xdr:to>
      <xdr:col>11</xdr:col>
      <xdr:colOff>60325</xdr:colOff>
      <xdr:row>77</xdr:row>
      <xdr:rowOff>116078</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0855</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30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335</xdr:rowOff>
    </xdr:from>
    <xdr:to>
      <xdr:col>6</xdr:col>
      <xdr:colOff>171450</xdr:colOff>
      <xdr:row>77</xdr:row>
      <xdr:rowOff>106935</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1712</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3632</xdr:rowOff>
    </xdr:from>
    <xdr:to>
      <xdr:col>24</xdr:col>
      <xdr:colOff>76200</xdr:colOff>
      <xdr:row>77</xdr:row>
      <xdr:rowOff>33782</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133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20159</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2978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4196</xdr:rowOff>
    </xdr:from>
    <xdr:to>
      <xdr:col>20</xdr:col>
      <xdr:colOff>38100</xdr:colOff>
      <xdr:row>76</xdr:row>
      <xdr:rowOff>145796</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5973</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843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80772</xdr:rowOff>
    </xdr:from>
    <xdr:to>
      <xdr:col>15</xdr:col>
      <xdr:colOff>149225</xdr:colOff>
      <xdr:row>77</xdr:row>
      <xdr:rowOff>10922</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110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21099</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87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48768</xdr:rowOff>
    </xdr:from>
    <xdr:to>
      <xdr:col>11</xdr:col>
      <xdr:colOff>60325</xdr:colOff>
      <xdr:row>76</xdr:row>
      <xdr:rowOff>150368</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60545</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85344</xdr:rowOff>
    </xdr:from>
    <xdr:to>
      <xdr:col>6</xdr:col>
      <xdr:colOff>171450</xdr:colOff>
      <xdr:row>77</xdr:row>
      <xdr:rowOff>15494</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11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25671</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884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債費以外に係る経常収支比率は、神奈川県平均や全国平均より下回っている。しかし、人件費の乖離が大きいため令和元年度までは、類似団体内平均を上回っている。令和３年度は、退職手当組合の負担金が減少したため、同率となった。令和４年度は、光熱水費の増や、障害福祉サービス等給付費等扶助費の増加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となった。</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a:extLst>
            <a:ext uri="{FF2B5EF4-FFF2-40B4-BE49-F238E27FC236}">
              <a16:creationId xmlns:a16="http://schemas.microsoft.com/office/drawing/2014/main" id="{00000000-0008-0000-0400-0000AD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54610</xdr:rowOff>
    </xdr:from>
    <xdr:to>
      <xdr:col>82</xdr:col>
      <xdr:colOff>107950</xdr:colOff>
      <xdr:row>80</xdr:row>
      <xdr:rowOff>168911</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6510000" y="12741910"/>
          <a:ext cx="0" cy="1143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0988</xdr:rowOff>
    </xdr:from>
    <xdr:ext cx="762000" cy="259045"/>
    <xdr:sp macro="" textlink="">
      <xdr:nvSpPr>
        <xdr:cNvPr id="431" name="公債費以外最小値テキスト">
          <a:extLst>
            <a:ext uri="{FF2B5EF4-FFF2-40B4-BE49-F238E27FC236}">
              <a16:creationId xmlns:a16="http://schemas.microsoft.com/office/drawing/2014/main" id="{00000000-0008-0000-0400-0000AF010000}"/>
            </a:ext>
          </a:extLst>
        </xdr:cNvPr>
        <xdr:cNvSpPr txBox="1"/>
      </xdr:nvSpPr>
      <xdr:spPr>
        <a:xfrm>
          <a:off x="16598900" y="13856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68911</xdr:rowOff>
    </xdr:from>
    <xdr:to>
      <xdr:col>82</xdr:col>
      <xdr:colOff>196850</xdr:colOff>
      <xdr:row>80</xdr:row>
      <xdr:rowOff>168911</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3884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40987</xdr:rowOff>
    </xdr:from>
    <xdr:ext cx="762000" cy="259045"/>
    <xdr:sp macro="" textlink="">
      <xdr:nvSpPr>
        <xdr:cNvPr id="433" name="公債費以外最大値テキスト">
          <a:extLst>
            <a:ext uri="{FF2B5EF4-FFF2-40B4-BE49-F238E27FC236}">
              <a16:creationId xmlns:a16="http://schemas.microsoft.com/office/drawing/2014/main" id="{00000000-0008-0000-0400-0000B1010000}"/>
            </a:ext>
          </a:extLst>
        </xdr:cNvPr>
        <xdr:cNvSpPr txBox="1"/>
      </xdr:nvSpPr>
      <xdr:spPr>
        <a:xfrm>
          <a:off x="16598900" y="12485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54610</xdr:rowOff>
    </xdr:from>
    <xdr:to>
      <xdr:col>82</xdr:col>
      <xdr:colOff>196850</xdr:colOff>
      <xdr:row>74</xdr:row>
      <xdr:rowOff>5461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6421100" y="12741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50800</xdr:rowOff>
    </xdr:from>
    <xdr:to>
      <xdr:col>82</xdr:col>
      <xdr:colOff>107950</xdr:colOff>
      <xdr:row>78</xdr:row>
      <xdr:rowOff>35561</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5671800" y="13252450"/>
          <a:ext cx="838200" cy="156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07966</xdr:rowOff>
    </xdr:from>
    <xdr:ext cx="762000" cy="259045"/>
    <xdr:sp macro="" textlink="">
      <xdr:nvSpPr>
        <xdr:cNvPr id="436" name="公債費以外平均値テキスト">
          <a:extLst>
            <a:ext uri="{FF2B5EF4-FFF2-40B4-BE49-F238E27FC236}">
              <a16:creationId xmlns:a16="http://schemas.microsoft.com/office/drawing/2014/main" id="{00000000-0008-0000-0400-0000B4010000}"/>
            </a:ext>
          </a:extLst>
        </xdr:cNvPr>
        <xdr:cNvSpPr txBox="1"/>
      </xdr:nvSpPr>
      <xdr:spPr>
        <a:xfrm>
          <a:off x="16598900" y="131381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91439</xdr:rowOff>
    </xdr:from>
    <xdr:to>
      <xdr:col>82</xdr:col>
      <xdr:colOff>158750</xdr:colOff>
      <xdr:row>78</xdr:row>
      <xdr:rowOff>21589</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6459200" y="13293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50800</xdr:rowOff>
    </xdr:from>
    <xdr:to>
      <xdr:col>78</xdr:col>
      <xdr:colOff>69850</xdr:colOff>
      <xdr:row>78</xdr:row>
      <xdr:rowOff>54611</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4782800" y="13252450"/>
          <a:ext cx="889000" cy="175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0</xdr:rowOff>
    </xdr:from>
    <xdr:to>
      <xdr:col>78</xdr:col>
      <xdr:colOff>120650</xdr:colOff>
      <xdr:row>77</xdr:row>
      <xdr:rowOff>10160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56210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11777</xdr:rowOff>
    </xdr:from>
    <xdr:ext cx="7366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290800" y="12970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4611</xdr:rowOff>
    </xdr:from>
    <xdr:to>
      <xdr:col>73</xdr:col>
      <xdr:colOff>180975</xdr:colOff>
      <xdr:row>78</xdr:row>
      <xdr:rowOff>165100</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flipV="1">
          <a:off x="13893800" y="13427711"/>
          <a:ext cx="889000" cy="110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1430</xdr:rowOff>
    </xdr:from>
    <xdr:to>
      <xdr:col>74</xdr:col>
      <xdr:colOff>31750</xdr:colOff>
      <xdr:row>78</xdr:row>
      <xdr:rowOff>11303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4732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9780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401800" y="13470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65100</xdr:rowOff>
    </xdr:from>
    <xdr:to>
      <xdr:col>69</xdr:col>
      <xdr:colOff>92075</xdr:colOff>
      <xdr:row>79</xdr:row>
      <xdr:rowOff>92711</xdr:rowOff>
    </xdr:to>
    <xdr:cxnSp macro="">
      <xdr:nvCxnSpPr>
        <xdr:cNvPr id="444" name="直線コネクタ 443">
          <a:extLst>
            <a:ext uri="{FF2B5EF4-FFF2-40B4-BE49-F238E27FC236}">
              <a16:creationId xmlns:a16="http://schemas.microsoft.com/office/drawing/2014/main" id="{00000000-0008-0000-0400-0000BC010000}"/>
            </a:ext>
          </a:extLst>
        </xdr:cNvPr>
        <xdr:cNvCxnSpPr/>
      </xdr:nvCxnSpPr>
      <xdr:spPr>
        <a:xfrm flipV="1">
          <a:off x="13004800" y="13538200"/>
          <a:ext cx="889000" cy="99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45720</xdr:rowOff>
    </xdr:from>
    <xdr:to>
      <xdr:col>69</xdr:col>
      <xdr:colOff>142875</xdr:colOff>
      <xdr:row>78</xdr:row>
      <xdr:rowOff>147320</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3843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5749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318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620</xdr:rowOff>
    </xdr:from>
    <xdr:to>
      <xdr:col>65</xdr:col>
      <xdr:colOff>53975</xdr:colOff>
      <xdr:row>78</xdr:row>
      <xdr:rowOff>109220</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2954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1939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6211</xdr:rowOff>
    </xdr:from>
    <xdr:to>
      <xdr:col>82</xdr:col>
      <xdr:colOff>158750</xdr:colOff>
      <xdr:row>78</xdr:row>
      <xdr:rowOff>86361</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6459200" y="13357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28288</xdr:rowOff>
    </xdr:from>
    <xdr:ext cx="762000" cy="259045"/>
    <xdr:sp macro="" textlink="">
      <xdr:nvSpPr>
        <xdr:cNvPr id="455" name="公債費以外該当値テキスト">
          <a:extLst>
            <a:ext uri="{FF2B5EF4-FFF2-40B4-BE49-F238E27FC236}">
              <a16:creationId xmlns:a16="http://schemas.microsoft.com/office/drawing/2014/main" id="{00000000-0008-0000-0400-0000C7010000}"/>
            </a:ext>
          </a:extLst>
        </xdr:cNvPr>
        <xdr:cNvSpPr txBox="1"/>
      </xdr:nvSpPr>
      <xdr:spPr>
        <a:xfrm>
          <a:off x="165989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0</xdr:rowOff>
    </xdr:from>
    <xdr:to>
      <xdr:col>78</xdr:col>
      <xdr:colOff>120650</xdr:colOff>
      <xdr:row>77</xdr:row>
      <xdr:rowOff>101600</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5621000" y="1320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86377</xdr:rowOff>
    </xdr:from>
    <xdr:ext cx="7366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5290800" y="13288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3811</xdr:rowOff>
    </xdr:from>
    <xdr:to>
      <xdr:col>74</xdr:col>
      <xdr:colOff>31750</xdr:colOff>
      <xdr:row>78</xdr:row>
      <xdr:rowOff>105411</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4732000" y="13376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15588</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4401800" y="1314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14300</xdr:rowOff>
    </xdr:from>
    <xdr:to>
      <xdr:col>69</xdr:col>
      <xdr:colOff>142875</xdr:colOff>
      <xdr:row>79</xdr:row>
      <xdr:rowOff>44450</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3843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29227</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3512800" y="1357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41911</xdr:rowOff>
    </xdr:from>
    <xdr:to>
      <xdr:col>65</xdr:col>
      <xdr:colOff>53975</xdr:colOff>
      <xdr:row>79</xdr:row>
      <xdr:rowOff>143511</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2954000" y="1358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8288</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2623800" y="13672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3175</xdr:rowOff>
    </xdr:from>
    <xdr:to>
      <xdr:col>33</xdr:col>
      <xdr:colOff>114300</xdr:colOff>
      <xdr:row>20</xdr:row>
      <xdr:rowOff>3175</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1" name="人口1人当たり決算額の推移グラフ枠130">
          <a:extLst>
            <a:ext uri="{FF2B5EF4-FFF2-40B4-BE49-F238E27FC236}">
              <a16:creationId xmlns:a16="http://schemas.microsoft.com/office/drawing/2014/main" id="{00000000-0008-0000-0500-000029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87195</xdr:rowOff>
    </xdr:from>
    <xdr:to>
      <xdr:col>29</xdr:col>
      <xdr:colOff>127000</xdr:colOff>
      <xdr:row>18</xdr:row>
      <xdr:rowOff>24320</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flipV="1">
          <a:off x="5651500" y="2192220"/>
          <a:ext cx="0" cy="9658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7</xdr:row>
      <xdr:rowOff>167847</xdr:rowOff>
    </xdr:from>
    <xdr:ext cx="762000" cy="259045"/>
    <xdr:sp macro="" textlink="">
      <xdr:nvSpPr>
        <xdr:cNvPr id="43" name="人口1人当たり決算額の推移最小値テキスト130">
          <a:extLst>
            <a:ext uri="{FF2B5EF4-FFF2-40B4-BE49-F238E27FC236}">
              <a16:creationId xmlns:a16="http://schemas.microsoft.com/office/drawing/2014/main" id="{00000000-0008-0000-0500-00002B000000}"/>
            </a:ext>
          </a:extLst>
        </xdr:cNvPr>
        <xdr:cNvSpPr txBox="1"/>
      </xdr:nvSpPr>
      <xdr:spPr>
        <a:xfrm>
          <a:off x="5740400" y="3130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24320</xdr:rowOff>
    </xdr:from>
    <xdr:to>
      <xdr:col>30</xdr:col>
      <xdr:colOff>25400</xdr:colOff>
      <xdr:row>18</xdr:row>
      <xdr:rowOff>24320</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5562600" y="315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2122</xdr:rowOff>
    </xdr:from>
    <xdr:ext cx="762000" cy="259045"/>
    <xdr:sp macro="" textlink="">
      <xdr:nvSpPr>
        <xdr:cNvPr id="45" name="人口1人当たり決算額の推移最大値テキスト130">
          <a:extLst>
            <a:ext uri="{FF2B5EF4-FFF2-40B4-BE49-F238E27FC236}">
              <a16:creationId xmlns:a16="http://schemas.microsoft.com/office/drawing/2014/main" id="{00000000-0008-0000-0500-00002D000000}"/>
            </a:ext>
          </a:extLst>
        </xdr:cNvPr>
        <xdr:cNvSpPr txBox="1"/>
      </xdr:nvSpPr>
      <xdr:spPr>
        <a:xfrm>
          <a:off x="5740400" y="193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87195</xdr:rowOff>
    </xdr:from>
    <xdr:to>
      <xdr:col>30</xdr:col>
      <xdr:colOff>25400</xdr:colOff>
      <xdr:row>12</xdr:row>
      <xdr:rowOff>8719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5562600" y="219222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73191</xdr:rowOff>
    </xdr:from>
    <xdr:to>
      <xdr:col>29</xdr:col>
      <xdr:colOff>127000</xdr:colOff>
      <xdr:row>17</xdr:row>
      <xdr:rowOff>8340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003800" y="3035466"/>
          <a:ext cx="647700" cy="102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85159</xdr:rowOff>
    </xdr:from>
    <xdr:ext cx="762000" cy="259045"/>
    <xdr:sp macro="" textlink="">
      <xdr:nvSpPr>
        <xdr:cNvPr id="48" name="人口1人当たり決算額の推移平均値テキスト130">
          <a:extLst>
            <a:ext uri="{FF2B5EF4-FFF2-40B4-BE49-F238E27FC236}">
              <a16:creationId xmlns:a16="http://schemas.microsoft.com/office/drawing/2014/main" id="{00000000-0008-0000-0500-000030000000}"/>
            </a:ext>
          </a:extLst>
        </xdr:cNvPr>
        <xdr:cNvSpPr txBox="1"/>
      </xdr:nvSpPr>
      <xdr:spPr>
        <a:xfrm>
          <a:off x="5740400" y="27045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68632</xdr:rowOff>
    </xdr:from>
    <xdr:to>
      <xdr:col>29</xdr:col>
      <xdr:colOff>177800</xdr:colOff>
      <xdr:row>16</xdr:row>
      <xdr:rowOff>170232</xdr:rowOff>
    </xdr:to>
    <xdr:sp macro="" textlink="">
      <xdr:nvSpPr>
        <xdr:cNvPr id="49" name="フローチャート: 判断 48">
          <a:extLst>
            <a:ext uri="{FF2B5EF4-FFF2-40B4-BE49-F238E27FC236}">
              <a16:creationId xmlns:a16="http://schemas.microsoft.com/office/drawing/2014/main" id="{00000000-0008-0000-0500-000031000000}"/>
            </a:ext>
          </a:extLst>
        </xdr:cNvPr>
        <xdr:cNvSpPr/>
      </xdr:nvSpPr>
      <xdr:spPr bwMode="auto">
        <a:xfrm>
          <a:off x="5600700" y="28594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83409</xdr:rowOff>
    </xdr:from>
    <xdr:to>
      <xdr:col>26</xdr:col>
      <xdr:colOff>50800</xdr:colOff>
      <xdr:row>17</xdr:row>
      <xdr:rowOff>94149</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4305300" y="3045684"/>
          <a:ext cx="698500" cy="107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77744</xdr:rowOff>
    </xdr:from>
    <xdr:to>
      <xdr:col>26</xdr:col>
      <xdr:colOff>101600</xdr:colOff>
      <xdr:row>17</xdr:row>
      <xdr:rowOff>7894</xdr:rowOff>
    </xdr:to>
    <xdr:sp macro="" textlink="">
      <xdr:nvSpPr>
        <xdr:cNvPr id="51" name="フローチャート: 判断 50">
          <a:extLst>
            <a:ext uri="{FF2B5EF4-FFF2-40B4-BE49-F238E27FC236}">
              <a16:creationId xmlns:a16="http://schemas.microsoft.com/office/drawing/2014/main" id="{00000000-0008-0000-0500-000033000000}"/>
            </a:ext>
          </a:extLst>
        </xdr:cNvPr>
        <xdr:cNvSpPr/>
      </xdr:nvSpPr>
      <xdr:spPr bwMode="auto">
        <a:xfrm>
          <a:off x="4953000" y="28685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8071</xdr:rowOff>
    </xdr:from>
    <xdr:ext cx="736600" cy="259045"/>
    <xdr:sp macro="" textlink="">
      <xdr:nvSpPr>
        <xdr:cNvPr id="52" name="テキスト ボックス 51">
          <a:extLst>
            <a:ext uri="{FF2B5EF4-FFF2-40B4-BE49-F238E27FC236}">
              <a16:creationId xmlns:a16="http://schemas.microsoft.com/office/drawing/2014/main" id="{00000000-0008-0000-0500-000034000000}"/>
            </a:ext>
          </a:extLst>
        </xdr:cNvPr>
        <xdr:cNvSpPr txBox="1"/>
      </xdr:nvSpPr>
      <xdr:spPr>
        <a:xfrm>
          <a:off x="4622800" y="26374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4149</xdr:rowOff>
    </xdr:from>
    <xdr:to>
      <xdr:col>22</xdr:col>
      <xdr:colOff>114300</xdr:colOff>
      <xdr:row>17</xdr:row>
      <xdr:rowOff>96993</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3606800" y="3056424"/>
          <a:ext cx="698500" cy="28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84936</xdr:rowOff>
    </xdr:from>
    <xdr:to>
      <xdr:col>22</xdr:col>
      <xdr:colOff>165100</xdr:colOff>
      <xdr:row>17</xdr:row>
      <xdr:rowOff>1508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254500" y="28757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25263</xdr:rowOff>
    </xdr:from>
    <xdr:ext cx="7620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3924300" y="2644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96993</xdr:rowOff>
    </xdr:from>
    <xdr:to>
      <xdr:col>18</xdr:col>
      <xdr:colOff>177800</xdr:colOff>
      <xdr:row>17</xdr:row>
      <xdr:rowOff>10037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2908300" y="3059268"/>
          <a:ext cx="698500" cy="338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10525</xdr:rowOff>
    </xdr:from>
    <xdr:to>
      <xdr:col>19</xdr:col>
      <xdr:colOff>38100</xdr:colOff>
      <xdr:row>17</xdr:row>
      <xdr:rowOff>4067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3556000" y="2901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5085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225800" y="267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24154</xdr:rowOff>
    </xdr:from>
    <xdr:to>
      <xdr:col>15</xdr:col>
      <xdr:colOff>101600</xdr:colOff>
      <xdr:row>17</xdr:row>
      <xdr:rowOff>54304</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2857500" y="29149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64481</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2527300" y="2683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2391</xdr:rowOff>
    </xdr:from>
    <xdr:to>
      <xdr:col>29</xdr:col>
      <xdr:colOff>177800</xdr:colOff>
      <xdr:row>17</xdr:row>
      <xdr:rowOff>123991</xdr:rowOff>
    </xdr:to>
    <xdr:sp macro="" textlink="">
      <xdr:nvSpPr>
        <xdr:cNvPr id="66" name="楕円 65">
          <a:extLst>
            <a:ext uri="{FF2B5EF4-FFF2-40B4-BE49-F238E27FC236}">
              <a16:creationId xmlns:a16="http://schemas.microsoft.com/office/drawing/2014/main" id="{00000000-0008-0000-0500-000042000000}"/>
            </a:ext>
          </a:extLst>
        </xdr:cNvPr>
        <xdr:cNvSpPr/>
      </xdr:nvSpPr>
      <xdr:spPr bwMode="auto">
        <a:xfrm>
          <a:off x="5600700" y="29846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2418</xdr:rowOff>
    </xdr:from>
    <xdr:ext cx="762000" cy="259045"/>
    <xdr:sp macro="" textlink="">
      <xdr:nvSpPr>
        <xdr:cNvPr id="67" name="人口1人当たり決算額の推移該当値テキスト130">
          <a:extLst>
            <a:ext uri="{FF2B5EF4-FFF2-40B4-BE49-F238E27FC236}">
              <a16:creationId xmlns:a16="http://schemas.microsoft.com/office/drawing/2014/main" id="{00000000-0008-0000-0500-000043000000}"/>
            </a:ext>
          </a:extLst>
        </xdr:cNvPr>
        <xdr:cNvSpPr txBox="1"/>
      </xdr:nvSpPr>
      <xdr:spPr>
        <a:xfrm>
          <a:off x="5740400" y="2893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32609</xdr:rowOff>
    </xdr:from>
    <xdr:to>
      <xdr:col>26</xdr:col>
      <xdr:colOff>101600</xdr:colOff>
      <xdr:row>17</xdr:row>
      <xdr:rowOff>134209</xdr:rowOff>
    </xdr:to>
    <xdr:sp macro="" textlink="">
      <xdr:nvSpPr>
        <xdr:cNvPr id="68" name="楕円 67">
          <a:extLst>
            <a:ext uri="{FF2B5EF4-FFF2-40B4-BE49-F238E27FC236}">
              <a16:creationId xmlns:a16="http://schemas.microsoft.com/office/drawing/2014/main" id="{00000000-0008-0000-0500-000044000000}"/>
            </a:ext>
          </a:extLst>
        </xdr:cNvPr>
        <xdr:cNvSpPr/>
      </xdr:nvSpPr>
      <xdr:spPr bwMode="auto">
        <a:xfrm>
          <a:off x="4953000" y="29948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18986</xdr:rowOff>
    </xdr:from>
    <xdr:ext cx="7366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622800" y="30812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43349</xdr:rowOff>
    </xdr:from>
    <xdr:to>
      <xdr:col>22</xdr:col>
      <xdr:colOff>165100</xdr:colOff>
      <xdr:row>17</xdr:row>
      <xdr:rowOff>144949</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4254500" y="30056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29726</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924300" y="309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46193</xdr:rowOff>
    </xdr:from>
    <xdr:to>
      <xdr:col>19</xdr:col>
      <xdr:colOff>38100</xdr:colOff>
      <xdr:row>17</xdr:row>
      <xdr:rowOff>147793</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3556000" y="30084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32570</xdr:rowOff>
    </xdr:from>
    <xdr:ext cx="7620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3225800" y="3094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49576</xdr:rowOff>
    </xdr:from>
    <xdr:to>
      <xdr:col>15</xdr:col>
      <xdr:colOff>101600</xdr:colOff>
      <xdr:row>17</xdr:row>
      <xdr:rowOff>151176</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2857500" y="30118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35953</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2527300" y="3098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6" name="正方形/長方形 75">
          <a:extLst>
            <a:ext uri="{FF2B5EF4-FFF2-40B4-BE49-F238E27FC236}">
              <a16:creationId xmlns:a16="http://schemas.microsoft.com/office/drawing/2014/main" id="{00000000-0008-0000-0500-00004C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7" name="角丸四角形 76">
          <a:extLst>
            <a:ext uri="{FF2B5EF4-FFF2-40B4-BE49-F238E27FC236}">
              <a16:creationId xmlns:a16="http://schemas.microsoft.com/office/drawing/2014/main" id="{00000000-0008-0000-0500-00004D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8" name="正方形/長方形 77">
          <a:extLst>
            <a:ext uri="{FF2B5EF4-FFF2-40B4-BE49-F238E27FC236}">
              <a16:creationId xmlns:a16="http://schemas.microsoft.com/office/drawing/2014/main" id="{00000000-0008-0000-0500-00004E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1" name="直線コネクタ 80">
          <a:extLst>
            <a:ext uri="{FF2B5EF4-FFF2-40B4-BE49-F238E27FC236}">
              <a16:creationId xmlns:a16="http://schemas.microsoft.com/office/drawing/2014/main" id="{00000000-0008-0000-0500-000051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6" name="楕円 85">
          <a:extLst>
            <a:ext uri="{FF2B5EF4-FFF2-40B4-BE49-F238E27FC236}">
              <a16:creationId xmlns:a16="http://schemas.microsoft.com/office/drawing/2014/main" id="{00000000-0008-0000-0500-000056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7" name="フローチャート: 判断 86">
          <a:extLst>
            <a:ext uri="{FF2B5EF4-FFF2-40B4-BE49-F238E27FC236}">
              <a16:creationId xmlns:a16="http://schemas.microsoft.com/office/drawing/2014/main" id="{00000000-0008-0000-0500-000057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8" name="正方形/長方形 87">
          <a:extLst>
            <a:ext uri="{FF2B5EF4-FFF2-40B4-BE49-F238E27FC236}">
              <a16:creationId xmlns:a16="http://schemas.microsoft.com/office/drawing/2014/main" id="{00000000-0008-0000-0500-000058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89" name="テキスト ボックス 88">
          <a:extLst>
            <a:ext uri="{FF2B5EF4-FFF2-40B4-BE49-F238E27FC236}">
              <a16:creationId xmlns:a16="http://schemas.microsoft.com/office/drawing/2014/main" id="{00000000-0008-0000-0500-000059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a:extLst>
            <a:ext uri="{FF2B5EF4-FFF2-40B4-BE49-F238E27FC236}">
              <a16:creationId xmlns:a16="http://schemas.microsoft.com/office/drawing/2014/main" id="{00000000-0008-0000-0500-000066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20009</xdr:rowOff>
    </xdr:from>
    <xdr:to>
      <xdr:col>29</xdr:col>
      <xdr:colOff>127000</xdr:colOff>
      <xdr:row>37</xdr:row>
      <xdr:rowOff>179921</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flipV="1">
          <a:off x="5651500" y="6044559"/>
          <a:ext cx="0" cy="126006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998</xdr:rowOff>
    </xdr:from>
    <xdr:ext cx="762000" cy="259045"/>
    <xdr:sp macro="" textlink="">
      <xdr:nvSpPr>
        <xdr:cNvPr id="104" name="人口1人当たり決算額の推移最小値テキスト445">
          <a:extLst>
            <a:ext uri="{FF2B5EF4-FFF2-40B4-BE49-F238E27FC236}">
              <a16:creationId xmlns:a16="http://schemas.microsoft.com/office/drawing/2014/main" id="{00000000-0008-0000-0500-000068000000}"/>
            </a:ext>
          </a:extLst>
        </xdr:cNvPr>
        <xdr:cNvSpPr txBox="1"/>
      </xdr:nvSpPr>
      <xdr:spPr>
        <a:xfrm>
          <a:off x="5740400" y="72766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9921</xdr:rowOff>
    </xdr:from>
    <xdr:to>
      <xdr:col>30</xdr:col>
      <xdr:colOff>25400</xdr:colOff>
      <xdr:row>37</xdr:row>
      <xdr:rowOff>179921</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5562600" y="73046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34936</xdr:rowOff>
    </xdr:from>
    <xdr:ext cx="762000" cy="259045"/>
    <xdr:sp macro="" textlink="">
      <xdr:nvSpPr>
        <xdr:cNvPr id="106" name="人口1人当たり決算額の推移最大値テキスト445">
          <a:extLst>
            <a:ext uri="{FF2B5EF4-FFF2-40B4-BE49-F238E27FC236}">
              <a16:creationId xmlns:a16="http://schemas.microsoft.com/office/drawing/2014/main" id="{00000000-0008-0000-0500-00006A000000}"/>
            </a:ext>
          </a:extLst>
        </xdr:cNvPr>
        <xdr:cNvSpPr txBox="1"/>
      </xdr:nvSpPr>
      <xdr:spPr>
        <a:xfrm>
          <a:off x="5740400" y="5788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20009</xdr:rowOff>
    </xdr:from>
    <xdr:to>
      <xdr:col>30</xdr:col>
      <xdr:colOff>25400</xdr:colOff>
      <xdr:row>33</xdr:row>
      <xdr:rowOff>120009</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60445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23907</xdr:rowOff>
    </xdr:from>
    <xdr:to>
      <xdr:col>29</xdr:col>
      <xdr:colOff>127000</xdr:colOff>
      <xdr:row>35</xdr:row>
      <xdr:rowOff>261207</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003800" y="6834257"/>
          <a:ext cx="647700" cy="373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95254</xdr:rowOff>
    </xdr:from>
    <xdr:ext cx="762000" cy="259045"/>
    <xdr:sp macro="" textlink="">
      <xdr:nvSpPr>
        <xdr:cNvPr id="109" name="人口1人当たり決算額の推移平均値テキスト445">
          <a:extLst>
            <a:ext uri="{FF2B5EF4-FFF2-40B4-BE49-F238E27FC236}">
              <a16:creationId xmlns:a16="http://schemas.microsoft.com/office/drawing/2014/main" id="{00000000-0008-0000-0500-00006D000000}"/>
            </a:ext>
          </a:extLst>
        </xdr:cNvPr>
        <xdr:cNvSpPr txBox="1"/>
      </xdr:nvSpPr>
      <xdr:spPr>
        <a:xfrm>
          <a:off x="5740400" y="646270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7277</xdr:rowOff>
    </xdr:from>
    <xdr:to>
      <xdr:col>29</xdr:col>
      <xdr:colOff>177800</xdr:colOff>
      <xdr:row>35</xdr:row>
      <xdr:rowOff>108877</xdr:rowOff>
    </xdr:to>
    <xdr:sp macro="" textlink="">
      <xdr:nvSpPr>
        <xdr:cNvPr id="110" name="フローチャート: 判断 109">
          <a:extLst>
            <a:ext uri="{FF2B5EF4-FFF2-40B4-BE49-F238E27FC236}">
              <a16:creationId xmlns:a16="http://schemas.microsoft.com/office/drawing/2014/main" id="{00000000-0008-0000-0500-00006E000000}"/>
            </a:ext>
          </a:extLst>
        </xdr:cNvPr>
        <xdr:cNvSpPr/>
      </xdr:nvSpPr>
      <xdr:spPr bwMode="auto">
        <a:xfrm>
          <a:off x="5600700" y="66176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61207</xdr:rowOff>
    </xdr:from>
    <xdr:to>
      <xdr:col>26</xdr:col>
      <xdr:colOff>50800</xdr:colOff>
      <xdr:row>35</xdr:row>
      <xdr:rowOff>283152</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4305300" y="6871557"/>
          <a:ext cx="698500" cy="219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3699</xdr:rowOff>
    </xdr:from>
    <xdr:to>
      <xdr:col>26</xdr:col>
      <xdr:colOff>101600</xdr:colOff>
      <xdr:row>35</xdr:row>
      <xdr:rowOff>135299</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4953000" y="66440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5476</xdr:rowOff>
    </xdr:from>
    <xdr:ext cx="736600" cy="259045"/>
    <xdr:sp macro="" textlink="">
      <xdr:nvSpPr>
        <xdr:cNvPr id="113" name="テキスト ボックス 112">
          <a:extLst>
            <a:ext uri="{FF2B5EF4-FFF2-40B4-BE49-F238E27FC236}">
              <a16:creationId xmlns:a16="http://schemas.microsoft.com/office/drawing/2014/main" id="{00000000-0008-0000-0500-000071000000}"/>
            </a:ext>
          </a:extLst>
        </xdr:cNvPr>
        <xdr:cNvSpPr txBox="1"/>
      </xdr:nvSpPr>
      <xdr:spPr>
        <a:xfrm>
          <a:off x="4622800" y="64129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83152</xdr:rowOff>
    </xdr:from>
    <xdr:to>
      <xdr:col>22</xdr:col>
      <xdr:colOff>114300</xdr:colOff>
      <xdr:row>35</xdr:row>
      <xdr:rowOff>335579</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3606800" y="6893502"/>
          <a:ext cx="698500" cy="524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79439</xdr:rowOff>
    </xdr:from>
    <xdr:to>
      <xdr:col>22</xdr:col>
      <xdr:colOff>165100</xdr:colOff>
      <xdr:row>35</xdr:row>
      <xdr:rowOff>181039</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254500" y="66897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91216</xdr:rowOff>
    </xdr:from>
    <xdr:ext cx="7620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3924300" y="6458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35579</xdr:rowOff>
    </xdr:from>
    <xdr:to>
      <xdr:col>18</xdr:col>
      <xdr:colOff>177800</xdr:colOff>
      <xdr:row>35</xdr:row>
      <xdr:rowOff>336836</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2908300" y="6945929"/>
          <a:ext cx="698500" cy="12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91421</xdr:rowOff>
    </xdr:from>
    <xdr:to>
      <xdr:col>19</xdr:col>
      <xdr:colOff>38100</xdr:colOff>
      <xdr:row>35</xdr:row>
      <xdr:rowOff>193021</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3556000" y="67017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03198</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225800" y="6470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0261</xdr:rowOff>
    </xdr:from>
    <xdr:to>
      <xdr:col>15</xdr:col>
      <xdr:colOff>101600</xdr:colOff>
      <xdr:row>35</xdr:row>
      <xdr:rowOff>211861</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28575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22038</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2527300" y="6489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73107</xdr:rowOff>
    </xdr:from>
    <xdr:to>
      <xdr:col>29</xdr:col>
      <xdr:colOff>177800</xdr:colOff>
      <xdr:row>35</xdr:row>
      <xdr:rowOff>274707</xdr:rowOff>
    </xdr:to>
    <xdr:sp macro="" textlink="">
      <xdr:nvSpPr>
        <xdr:cNvPr id="127" name="楕円 126">
          <a:extLst>
            <a:ext uri="{FF2B5EF4-FFF2-40B4-BE49-F238E27FC236}">
              <a16:creationId xmlns:a16="http://schemas.microsoft.com/office/drawing/2014/main" id="{00000000-0008-0000-0500-00007F000000}"/>
            </a:ext>
          </a:extLst>
        </xdr:cNvPr>
        <xdr:cNvSpPr/>
      </xdr:nvSpPr>
      <xdr:spPr bwMode="auto">
        <a:xfrm>
          <a:off x="5600700" y="67834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45184</xdr:rowOff>
    </xdr:from>
    <xdr:ext cx="762000" cy="259045"/>
    <xdr:sp macro="" textlink="">
      <xdr:nvSpPr>
        <xdr:cNvPr id="128" name="人口1人当たり決算額の推移該当値テキスト445">
          <a:extLst>
            <a:ext uri="{FF2B5EF4-FFF2-40B4-BE49-F238E27FC236}">
              <a16:creationId xmlns:a16="http://schemas.microsoft.com/office/drawing/2014/main" id="{00000000-0008-0000-0500-000080000000}"/>
            </a:ext>
          </a:extLst>
        </xdr:cNvPr>
        <xdr:cNvSpPr txBox="1"/>
      </xdr:nvSpPr>
      <xdr:spPr>
        <a:xfrm>
          <a:off x="5740400" y="675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10407</xdr:rowOff>
    </xdr:from>
    <xdr:to>
      <xdr:col>26</xdr:col>
      <xdr:colOff>101600</xdr:colOff>
      <xdr:row>35</xdr:row>
      <xdr:rowOff>312007</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4953000" y="68207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96784</xdr:rowOff>
    </xdr:from>
    <xdr:ext cx="7366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622800" y="69071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32352</xdr:rowOff>
    </xdr:from>
    <xdr:to>
      <xdr:col>22</xdr:col>
      <xdr:colOff>165100</xdr:colOff>
      <xdr:row>35</xdr:row>
      <xdr:rowOff>333952</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254500" y="68427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18729</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924300" y="692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4779</xdr:rowOff>
    </xdr:from>
    <xdr:to>
      <xdr:col>19</xdr:col>
      <xdr:colOff>38100</xdr:colOff>
      <xdr:row>36</xdr:row>
      <xdr:rowOff>43479</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3556000" y="68951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8256</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225800" y="6981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86036</xdr:rowOff>
    </xdr:from>
    <xdr:to>
      <xdr:col>15</xdr:col>
      <xdr:colOff>101600</xdr:colOff>
      <xdr:row>36</xdr:row>
      <xdr:rowOff>44736</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2857500" y="68963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29513</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2527300" y="698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2634</xdr:rowOff>
    </xdr:from>
    <xdr:to>
      <xdr:col>24</xdr:col>
      <xdr:colOff>62865</xdr:colOff>
      <xdr:row>37</xdr:row>
      <xdr:rowOff>48443</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flipV="1">
          <a:off x="4633595" y="5337584"/>
          <a:ext cx="1270" cy="1054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2270</xdr:rowOff>
    </xdr:from>
    <xdr:ext cx="534377" cy="259045"/>
    <xdr:sp macro="" textlink="">
      <xdr:nvSpPr>
        <xdr:cNvPr id="54" name="人件費最小値テキスト">
          <a:extLst>
            <a:ext uri="{FF2B5EF4-FFF2-40B4-BE49-F238E27FC236}">
              <a16:creationId xmlns:a16="http://schemas.microsoft.com/office/drawing/2014/main" id="{00000000-0008-0000-0600-000036000000}"/>
            </a:ext>
          </a:extLst>
        </xdr:cNvPr>
        <xdr:cNvSpPr txBox="1"/>
      </xdr:nvSpPr>
      <xdr:spPr>
        <a:xfrm>
          <a:off x="4686300" y="639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48443</xdr:rowOff>
    </xdr:from>
    <xdr:to>
      <xdr:col>24</xdr:col>
      <xdr:colOff>152400</xdr:colOff>
      <xdr:row>37</xdr:row>
      <xdr:rowOff>48443</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4546600" y="6392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40761</xdr:rowOff>
    </xdr:from>
    <xdr:ext cx="599010" cy="259045"/>
    <xdr:sp macro="" textlink="">
      <xdr:nvSpPr>
        <xdr:cNvPr id="56" name="人件費最大値テキスト">
          <a:extLst>
            <a:ext uri="{FF2B5EF4-FFF2-40B4-BE49-F238E27FC236}">
              <a16:creationId xmlns:a16="http://schemas.microsoft.com/office/drawing/2014/main" id="{00000000-0008-0000-0600-000038000000}"/>
            </a:ext>
          </a:extLst>
        </xdr:cNvPr>
        <xdr:cNvSpPr txBox="1"/>
      </xdr:nvSpPr>
      <xdr:spPr>
        <a:xfrm>
          <a:off x="4686300" y="5112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22634</xdr:rowOff>
    </xdr:from>
    <xdr:to>
      <xdr:col>24</xdr:col>
      <xdr:colOff>152400</xdr:colOff>
      <xdr:row>31</xdr:row>
      <xdr:rowOff>2263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4546600" y="5337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49974</xdr:rowOff>
    </xdr:from>
    <xdr:to>
      <xdr:col>24</xdr:col>
      <xdr:colOff>63500</xdr:colOff>
      <xdr:row>36</xdr:row>
      <xdr:rowOff>63535</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3797300" y="6222174"/>
          <a:ext cx="838200" cy="13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8890</xdr:rowOff>
    </xdr:from>
    <xdr:ext cx="599010" cy="259045"/>
    <xdr:sp macro="" textlink="">
      <xdr:nvSpPr>
        <xdr:cNvPr id="59" name="人件費平均値テキスト">
          <a:extLst>
            <a:ext uri="{FF2B5EF4-FFF2-40B4-BE49-F238E27FC236}">
              <a16:creationId xmlns:a16="http://schemas.microsoft.com/office/drawing/2014/main" id="{00000000-0008-0000-0600-00003B000000}"/>
            </a:ext>
          </a:extLst>
        </xdr:cNvPr>
        <xdr:cNvSpPr txBox="1"/>
      </xdr:nvSpPr>
      <xdr:spPr>
        <a:xfrm>
          <a:off x="4686300" y="59581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6013</xdr:rowOff>
    </xdr:from>
    <xdr:to>
      <xdr:col>24</xdr:col>
      <xdr:colOff>114300</xdr:colOff>
      <xdr:row>36</xdr:row>
      <xdr:rowOff>36163</xdr:rowOff>
    </xdr:to>
    <xdr:sp macro="" textlink="">
      <xdr:nvSpPr>
        <xdr:cNvPr id="60" name="フローチャート: 判断 59">
          <a:extLst>
            <a:ext uri="{FF2B5EF4-FFF2-40B4-BE49-F238E27FC236}">
              <a16:creationId xmlns:a16="http://schemas.microsoft.com/office/drawing/2014/main" id="{00000000-0008-0000-0600-00003C000000}"/>
            </a:ext>
          </a:extLst>
        </xdr:cNvPr>
        <xdr:cNvSpPr/>
      </xdr:nvSpPr>
      <xdr:spPr>
        <a:xfrm>
          <a:off x="4584700" y="610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3535</xdr:rowOff>
    </xdr:from>
    <xdr:to>
      <xdr:col>19</xdr:col>
      <xdr:colOff>177800</xdr:colOff>
      <xdr:row>36</xdr:row>
      <xdr:rowOff>6932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2908300" y="6235735"/>
          <a:ext cx="889000" cy="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4380</xdr:rowOff>
    </xdr:from>
    <xdr:to>
      <xdr:col>20</xdr:col>
      <xdr:colOff>38100</xdr:colOff>
      <xdr:row>36</xdr:row>
      <xdr:rowOff>44530</xdr:rowOff>
    </xdr:to>
    <xdr:sp macro="" textlink="">
      <xdr:nvSpPr>
        <xdr:cNvPr id="62" name="フローチャート: 判断 61">
          <a:extLst>
            <a:ext uri="{FF2B5EF4-FFF2-40B4-BE49-F238E27FC236}">
              <a16:creationId xmlns:a16="http://schemas.microsoft.com/office/drawing/2014/main" id="{00000000-0008-0000-0600-00003E000000}"/>
            </a:ext>
          </a:extLst>
        </xdr:cNvPr>
        <xdr:cNvSpPr/>
      </xdr:nvSpPr>
      <xdr:spPr>
        <a:xfrm>
          <a:off x="3746500" y="6115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61057</xdr:rowOff>
    </xdr:from>
    <xdr:ext cx="599010" cy="259045"/>
    <xdr:sp macro="" textlink="">
      <xdr:nvSpPr>
        <xdr:cNvPr id="63" name="テキスト ボックス 62">
          <a:extLst>
            <a:ext uri="{FF2B5EF4-FFF2-40B4-BE49-F238E27FC236}">
              <a16:creationId xmlns:a16="http://schemas.microsoft.com/office/drawing/2014/main" id="{00000000-0008-0000-0600-00003F000000}"/>
            </a:ext>
          </a:extLst>
        </xdr:cNvPr>
        <xdr:cNvSpPr txBox="1"/>
      </xdr:nvSpPr>
      <xdr:spPr>
        <a:xfrm>
          <a:off x="3497795" y="58903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9328</xdr:rowOff>
    </xdr:from>
    <xdr:to>
      <xdr:col>15</xdr:col>
      <xdr:colOff>50800</xdr:colOff>
      <xdr:row>36</xdr:row>
      <xdr:rowOff>10518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019300" y="6241528"/>
          <a:ext cx="889000" cy="35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0945</xdr:rowOff>
    </xdr:from>
    <xdr:to>
      <xdr:col>15</xdr:col>
      <xdr:colOff>101600</xdr:colOff>
      <xdr:row>36</xdr:row>
      <xdr:rowOff>51095</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28575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67622</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2608795" y="5896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5186</xdr:rowOff>
    </xdr:from>
    <xdr:to>
      <xdr:col>10</xdr:col>
      <xdr:colOff>114300</xdr:colOff>
      <xdr:row>36</xdr:row>
      <xdr:rowOff>113361</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1130300" y="6277386"/>
          <a:ext cx="889000" cy="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804</xdr:rowOff>
    </xdr:from>
    <xdr:to>
      <xdr:col>10</xdr:col>
      <xdr:colOff>165100</xdr:colOff>
      <xdr:row>36</xdr:row>
      <xdr:rowOff>111404</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1968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27931</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1752111" y="5957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0526</xdr:rowOff>
    </xdr:from>
    <xdr:to>
      <xdr:col>6</xdr:col>
      <xdr:colOff>38100</xdr:colOff>
      <xdr:row>36</xdr:row>
      <xdr:rowOff>122126</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1079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38653</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863111" y="5967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70624</xdr:rowOff>
    </xdr:from>
    <xdr:to>
      <xdr:col>24</xdr:col>
      <xdr:colOff>114300</xdr:colOff>
      <xdr:row>36</xdr:row>
      <xdr:rowOff>100774</xdr:rowOff>
    </xdr:to>
    <xdr:sp macro="" textlink="">
      <xdr:nvSpPr>
        <xdr:cNvPr id="77" name="楕円 76">
          <a:extLst>
            <a:ext uri="{FF2B5EF4-FFF2-40B4-BE49-F238E27FC236}">
              <a16:creationId xmlns:a16="http://schemas.microsoft.com/office/drawing/2014/main" id="{00000000-0008-0000-0600-00004D000000}"/>
            </a:ext>
          </a:extLst>
        </xdr:cNvPr>
        <xdr:cNvSpPr/>
      </xdr:nvSpPr>
      <xdr:spPr>
        <a:xfrm>
          <a:off x="4584700" y="6171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49051</xdr:rowOff>
    </xdr:from>
    <xdr:ext cx="534377" cy="259045"/>
    <xdr:sp macro="" textlink="">
      <xdr:nvSpPr>
        <xdr:cNvPr id="78" name="人件費該当値テキスト">
          <a:extLst>
            <a:ext uri="{FF2B5EF4-FFF2-40B4-BE49-F238E27FC236}">
              <a16:creationId xmlns:a16="http://schemas.microsoft.com/office/drawing/2014/main" id="{00000000-0008-0000-0600-00004E000000}"/>
            </a:ext>
          </a:extLst>
        </xdr:cNvPr>
        <xdr:cNvSpPr txBox="1"/>
      </xdr:nvSpPr>
      <xdr:spPr>
        <a:xfrm>
          <a:off x="4686300" y="6149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735</xdr:rowOff>
    </xdr:from>
    <xdr:to>
      <xdr:col>20</xdr:col>
      <xdr:colOff>38100</xdr:colOff>
      <xdr:row>36</xdr:row>
      <xdr:rowOff>114335</xdr:rowOff>
    </xdr:to>
    <xdr:sp macro="" textlink="">
      <xdr:nvSpPr>
        <xdr:cNvPr id="79" name="楕円 78">
          <a:extLst>
            <a:ext uri="{FF2B5EF4-FFF2-40B4-BE49-F238E27FC236}">
              <a16:creationId xmlns:a16="http://schemas.microsoft.com/office/drawing/2014/main" id="{00000000-0008-0000-0600-00004F000000}"/>
            </a:ext>
          </a:extLst>
        </xdr:cNvPr>
        <xdr:cNvSpPr/>
      </xdr:nvSpPr>
      <xdr:spPr>
        <a:xfrm>
          <a:off x="3746500" y="618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05462</xdr:rowOff>
    </xdr:from>
    <xdr:ext cx="534377"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530111" y="6277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8528</xdr:rowOff>
    </xdr:from>
    <xdr:to>
      <xdr:col>15</xdr:col>
      <xdr:colOff>101600</xdr:colOff>
      <xdr:row>36</xdr:row>
      <xdr:rowOff>120128</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2857500" y="6190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11255</xdr:rowOff>
    </xdr:from>
    <xdr:ext cx="534377"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2641111" y="6283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4386</xdr:rowOff>
    </xdr:from>
    <xdr:to>
      <xdr:col>10</xdr:col>
      <xdr:colOff>165100</xdr:colOff>
      <xdr:row>36</xdr:row>
      <xdr:rowOff>155986</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1968500" y="622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47113</xdr:rowOff>
    </xdr:from>
    <xdr:ext cx="534377"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1752111" y="6319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62561</xdr:rowOff>
    </xdr:from>
    <xdr:to>
      <xdr:col>6</xdr:col>
      <xdr:colOff>38100</xdr:colOff>
      <xdr:row>36</xdr:row>
      <xdr:rowOff>164161</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1079500" y="623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55288</xdr:rowOff>
    </xdr:from>
    <xdr:ext cx="534377"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863111" y="6327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7" name="物件費グラフ枠">
          <a:extLst>
            <a:ext uri="{FF2B5EF4-FFF2-40B4-BE49-F238E27FC236}">
              <a16:creationId xmlns:a16="http://schemas.microsoft.com/office/drawing/2014/main" id="{00000000-0008-0000-0600-00006B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852</xdr:rowOff>
    </xdr:from>
    <xdr:to>
      <xdr:col>24</xdr:col>
      <xdr:colOff>62865</xdr:colOff>
      <xdr:row>57</xdr:row>
      <xdr:rowOff>56403</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flipV="1">
          <a:off x="4633595" y="8823802"/>
          <a:ext cx="1270" cy="1005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0230</xdr:rowOff>
    </xdr:from>
    <xdr:ext cx="534377" cy="259045"/>
    <xdr:sp macro="" textlink="">
      <xdr:nvSpPr>
        <xdr:cNvPr id="109" name="物件費最小値テキスト">
          <a:extLst>
            <a:ext uri="{FF2B5EF4-FFF2-40B4-BE49-F238E27FC236}">
              <a16:creationId xmlns:a16="http://schemas.microsoft.com/office/drawing/2014/main" id="{00000000-0008-0000-0600-00006D000000}"/>
            </a:ext>
          </a:extLst>
        </xdr:cNvPr>
        <xdr:cNvSpPr txBox="1"/>
      </xdr:nvSpPr>
      <xdr:spPr>
        <a:xfrm>
          <a:off x="4686300" y="9832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56403</xdr:rowOff>
    </xdr:from>
    <xdr:to>
      <xdr:col>24</xdr:col>
      <xdr:colOff>152400</xdr:colOff>
      <xdr:row>57</xdr:row>
      <xdr:rowOff>56403</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4546600" y="9829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6529</xdr:rowOff>
    </xdr:from>
    <xdr:ext cx="599010" cy="259045"/>
    <xdr:sp macro="" textlink="">
      <xdr:nvSpPr>
        <xdr:cNvPr id="111" name="物件費最大値テキスト">
          <a:extLst>
            <a:ext uri="{FF2B5EF4-FFF2-40B4-BE49-F238E27FC236}">
              <a16:creationId xmlns:a16="http://schemas.microsoft.com/office/drawing/2014/main" id="{00000000-0008-0000-0600-00006F000000}"/>
            </a:ext>
          </a:extLst>
        </xdr:cNvPr>
        <xdr:cNvSpPr txBox="1"/>
      </xdr:nvSpPr>
      <xdr:spPr>
        <a:xfrm>
          <a:off x="4686300" y="8599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79852</xdr:rowOff>
    </xdr:from>
    <xdr:to>
      <xdr:col>24</xdr:col>
      <xdr:colOff>152400</xdr:colOff>
      <xdr:row>51</xdr:row>
      <xdr:rowOff>79852</xdr:rowOff>
    </xdr:to>
    <xdr:cxnSp macro="">
      <xdr:nvCxnSpPr>
        <xdr:cNvPr id="112" name="直線コネクタ 111">
          <a:extLst>
            <a:ext uri="{FF2B5EF4-FFF2-40B4-BE49-F238E27FC236}">
              <a16:creationId xmlns:a16="http://schemas.microsoft.com/office/drawing/2014/main" id="{00000000-0008-0000-0600-000070000000}"/>
            </a:ext>
          </a:extLst>
        </xdr:cNvPr>
        <xdr:cNvCxnSpPr/>
      </xdr:nvCxnSpPr>
      <xdr:spPr>
        <a:xfrm>
          <a:off x="4546600" y="88238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61737</xdr:rowOff>
    </xdr:from>
    <xdr:to>
      <xdr:col>24</xdr:col>
      <xdr:colOff>63500</xdr:colOff>
      <xdr:row>57</xdr:row>
      <xdr:rowOff>35</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3797300" y="9762937"/>
          <a:ext cx="838200" cy="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48115</xdr:rowOff>
    </xdr:from>
    <xdr:ext cx="599010" cy="259045"/>
    <xdr:sp macro="" textlink="">
      <xdr:nvSpPr>
        <xdr:cNvPr id="114" name="物件費平均値テキスト">
          <a:extLst>
            <a:ext uri="{FF2B5EF4-FFF2-40B4-BE49-F238E27FC236}">
              <a16:creationId xmlns:a16="http://schemas.microsoft.com/office/drawing/2014/main" id="{00000000-0008-0000-0600-000072000000}"/>
            </a:ext>
          </a:extLst>
        </xdr:cNvPr>
        <xdr:cNvSpPr txBox="1"/>
      </xdr:nvSpPr>
      <xdr:spPr>
        <a:xfrm>
          <a:off x="4686300" y="94064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5238</xdr:rowOff>
    </xdr:from>
    <xdr:to>
      <xdr:col>24</xdr:col>
      <xdr:colOff>114300</xdr:colOff>
      <xdr:row>56</xdr:row>
      <xdr:rowOff>55388</xdr:rowOff>
    </xdr:to>
    <xdr:sp macro="" textlink="">
      <xdr:nvSpPr>
        <xdr:cNvPr id="115" name="フローチャート: 判断 114">
          <a:extLst>
            <a:ext uri="{FF2B5EF4-FFF2-40B4-BE49-F238E27FC236}">
              <a16:creationId xmlns:a16="http://schemas.microsoft.com/office/drawing/2014/main" id="{00000000-0008-0000-0600-000073000000}"/>
            </a:ext>
          </a:extLst>
        </xdr:cNvPr>
        <xdr:cNvSpPr/>
      </xdr:nvSpPr>
      <xdr:spPr>
        <a:xfrm>
          <a:off x="4584700" y="9554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35</xdr:rowOff>
    </xdr:from>
    <xdr:to>
      <xdr:col>19</xdr:col>
      <xdr:colOff>177800</xdr:colOff>
      <xdr:row>57</xdr:row>
      <xdr:rowOff>14135</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2908300" y="9772685"/>
          <a:ext cx="889000" cy="14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4429</xdr:rowOff>
    </xdr:from>
    <xdr:to>
      <xdr:col>20</xdr:col>
      <xdr:colOff>38100</xdr:colOff>
      <xdr:row>56</xdr:row>
      <xdr:rowOff>94579</xdr:rowOff>
    </xdr:to>
    <xdr:sp macro="" textlink="">
      <xdr:nvSpPr>
        <xdr:cNvPr id="117" name="フローチャート: 判断 116">
          <a:extLst>
            <a:ext uri="{FF2B5EF4-FFF2-40B4-BE49-F238E27FC236}">
              <a16:creationId xmlns:a16="http://schemas.microsoft.com/office/drawing/2014/main" id="{00000000-0008-0000-0600-000075000000}"/>
            </a:ext>
          </a:extLst>
        </xdr:cNvPr>
        <xdr:cNvSpPr/>
      </xdr:nvSpPr>
      <xdr:spPr>
        <a:xfrm>
          <a:off x="3746500" y="9594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1106</xdr:rowOff>
    </xdr:from>
    <xdr:ext cx="534377"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3530111" y="9369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6403</xdr:rowOff>
    </xdr:from>
    <xdr:to>
      <xdr:col>15</xdr:col>
      <xdr:colOff>50800</xdr:colOff>
      <xdr:row>57</xdr:row>
      <xdr:rowOff>14135</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a:off x="2019300" y="9779053"/>
          <a:ext cx="889000" cy="7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68073</xdr:rowOff>
    </xdr:from>
    <xdr:to>
      <xdr:col>15</xdr:col>
      <xdr:colOff>101600</xdr:colOff>
      <xdr:row>56</xdr:row>
      <xdr:rowOff>98223</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2857500" y="959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14750</xdr:rowOff>
    </xdr:from>
    <xdr:ext cx="534377" cy="259045"/>
    <xdr:sp macro="" textlink="">
      <xdr:nvSpPr>
        <xdr:cNvPr id="121" name="テキスト ボックス 120">
          <a:extLst>
            <a:ext uri="{FF2B5EF4-FFF2-40B4-BE49-F238E27FC236}">
              <a16:creationId xmlns:a16="http://schemas.microsoft.com/office/drawing/2014/main" id="{00000000-0008-0000-0600-000079000000}"/>
            </a:ext>
          </a:extLst>
        </xdr:cNvPr>
        <xdr:cNvSpPr txBox="1"/>
      </xdr:nvSpPr>
      <xdr:spPr>
        <a:xfrm>
          <a:off x="2641111" y="9373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68810</xdr:rowOff>
    </xdr:from>
    <xdr:to>
      <xdr:col>10</xdr:col>
      <xdr:colOff>114300</xdr:colOff>
      <xdr:row>57</xdr:row>
      <xdr:rowOff>6403</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1130300" y="9770010"/>
          <a:ext cx="889000" cy="9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1983</xdr:rowOff>
    </xdr:from>
    <xdr:to>
      <xdr:col>10</xdr:col>
      <xdr:colOff>165100</xdr:colOff>
      <xdr:row>56</xdr:row>
      <xdr:rowOff>9213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1968500" y="9591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866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1752111" y="936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286</xdr:rowOff>
    </xdr:from>
    <xdr:to>
      <xdr:col>6</xdr:col>
      <xdr:colOff>38100</xdr:colOff>
      <xdr:row>56</xdr:row>
      <xdr:rowOff>11688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1079500" y="961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3341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863111" y="939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0937</xdr:rowOff>
    </xdr:from>
    <xdr:to>
      <xdr:col>24</xdr:col>
      <xdr:colOff>114300</xdr:colOff>
      <xdr:row>57</xdr:row>
      <xdr:rowOff>41087</xdr:rowOff>
    </xdr:to>
    <xdr:sp macro="" textlink="">
      <xdr:nvSpPr>
        <xdr:cNvPr id="132" name="楕円 131">
          <a:extLst>
            <a:ext uri="{FF2B5EF4-FFF2-40B4-BE49-F238E27FC236}">
              <a16:creationId xmlns:a16="http://schemas.microsoft.com/office/drawing/2014/main" id="{00000000-0008-0000-0600-000084000000}"/>
            </a:ext>
          </a:extLst>
        </xdr:cNvPr>
        <xdr:cNvSpPr/>
      </xdr:nvSpPr>
      <xdr:spPr>
        <a:xfrm>
          <a:off x="4584700" y="9712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5864</xdr:rowOff>
    </xdr:from>
    <xdr:ext cx="534377" cy="259045"/>
    <xdr:sp macro="" textlink="">
      <xdr:nvSpPr>
        <xdr:cNvPr id="133" name="物件費該当値テキスト">
          <a:extLst>
            <a:ext uri="{FF2B5EF4-FFF2-40B4-BE49-F238E27FC236}">
              <a16:creationId xmlns:a16="http://schemas.microsoft.com/office/drawing/2014/main" id="{00000000-0008-0000-0600-000085000000}"/>
            </a:ext>
          </a:extLst>
        </xdr:cNvPr>
        <xdr:cNvSpPr txBox="1"/>
      </xdr:nvSpPr>
      <xdr:spPr>
        <a:xfrm>
          <a:off x="4686300" y="9627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0685</xdr:rowOff>
    </xdr:from>
    <xdr:to>
      <xdr:col>20</xdr:col>
      <xdr:colOff>38100</xdr:colOff>
      <xdr:row>57</xdr:row>
      <xdr:rowOff>50835</xdr:rowOff>
    </xdr:to>
    <xdr:sp macro="" textlink="">
      <xdr:nvSpPr>
        <xdr:cNvPr id="134" name="楕円 133">
          <a:extLst>
            <a:ext uri="{FF2B5EF4-FFF2-40B4-BE49-F238E27FC236}">
              <a16:creationId xmlns:a16="http://schemas.microsoft.com/office/drawing/2014/main" id="{00000000-0008-0000-0600-000086000000}"/>
            </a:ext>
          </a:extLst>
        </xdr:cNvPr>
        <xdr:cNvSpPr/>
      </xdr:nvSpPr>
      <xdr:spPr>
        <a:xfrm>
          <a:off x="3746500" y="9721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1962</xdr:rowOff>
    </xdr:from>
    <xdr:ext cx="534377"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3530111" y="981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34785</xdr:rowOff>
    </xdr:from>
    <xdr:to>
      <xdr:col>15</xdr:col>
      <xdr:colOff>101600</xdr:colOff>
      <xdr:row>57</xdr:row>
      <xdr:rowOff>64935</xdr:rowOff>
    </xdr:to>
    <xdr:sp macro="" textlink="">
      <xdr:nvSpPr>
        <xdr:cNvPr id="136" name="楕円 135">
          <a:extLst>
            <a:ext uri="{FF2B5EF4-FFF2-40B4-BE49-F238E27FC236}">
              <a16:creationId xmlns:a16="http://schemas.microsoft.com/office/drawing/2014/main" id="{00000000-0008-0000-0600-000088000000}"/>
            </a:ext>
          </a:extLst>
        </xdr:cNvPr>
        <xdr:cNvSpPr/>
      </xdr:nvSpPr>
      <xdr:spPr>
        <a:xfrm>
          <a:off x="2857500" y="9735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56062</xdr:rowOff>
    </xdr:from>
    <xdr:ext cx="534377"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641111" y="9828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27053</xdr:rowOff>
    </xdr:from>
    <xdr:to>
      <xdr:col>10</xdr:col>
      <xdr:colOff>165100</xdr:colOff>
      <xdr:row>57</xdr:row>
      <xdr:rowOff>57203</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1968500" y="9728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8330</xdr:rowOff>
    </xdr:from>
    <xdr:ext cx="534377"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1752111" y="9820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18010</xdr:rowOff>
    </xdr:from>
    <xdr:to>
      <xdr:col>6</xdr:col>
      <xdr:colOff>38100</xdr:colOff>
      <xdr:row>57</xdr:row>
      <xdr:rowOff>4816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1079500" y="971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9287</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863111" y="9811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2" name="正方形/長方形 141">
          <a:extLst>
            <a:ext uri="{FF2B5EF4-FFF2-40B4-BE49-F238E27FC236}">
              <a16:creationId xmlns:a16="http://schemas.microsoft.com/office/drawing/2014/main" id="{00000000-0008-0000-0600-00008E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3" name="正方形/長方形 142">
          <a:extLst>
            <a:ext uri="{FF2B5EF4-FFF2-40B4-BE49-F238E27FC236}">
              <a16:creationId xmlns:a16="http://schemas.microsoft.com/office/drawing/2014/main" id="{00000000-0008-0000-0600-00008F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4" name="正方形/長方形 143">
          <a:extLst>
            <a:ext uri="{FF2B5EF4-FFF2-40B4-BE49-F238E27FC236}">
              <a16:creationId xmlns:a16="http://schemas.microsoft.com/office/drawing/2014/main" id="{00000000-0008-0000-0600-000090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0" name="テキスト ボックス 149">
          <a:extLst>
            <a:ext uri="{FF2B5EF4-FFF2-40B4-BE49-F238E27FC236}">
              <a16:creationId xmlns:a16="http://schemas.microsoft.com/office/drawing/2014/main" id="{00000000-0008-0000-0600-000096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1" name="直線コネクタ 150">
          <a:extLst>
            <a:ext uri="{FF2B5EF4-FFF2-40B4-BE49-F238E27FC236}">
              <a16:creationId xmlns:a16="http://schemas.microsoft.com/office/drawing/2014/main" id="{00000000-0008-0000-0600-000097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2" name="直線コネクタ 151">
          <a:extLst>
            <a:ext uri="{FF2B5EF4-FFF2-40B4-BE49-F238E27FC236}">
              <a16:creationId xmlns:a16="http://schemas.microsoft.com/office/drawing/2014/main" id="{00000000-0008-0000-0600-000098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7" name="テキスト ボックス 156">
          <a:extLst>
            <a:ext uri="{FF2B5EF4-FFF2-40B4-BE49-F238E27FC236}">
              <a16:creationId xmlns:a16="http://schemas.microsoft.com/office/drawing/2014/main" id="{00000000-0008-0000-0600-00009D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1275</xdr:rowOff>
    </xdr:from>
    <xdr:to>
      <xdr:col>24</xdr:col>
      <xdr:colOff>62865</xdr:colOff>
      <xdr:row>79</xdr:row>
      <xdr:rowOff>21628</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flipV="1">
          <a:off x="4633595" y="12264225"/>
          <a:ext cx="1270" cy="1301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5455</xdr:rowOff>
    </xdr:from>
    <xdr:ext cx="378565" cy="259045"/>
    <xdr:sp macro="" textlink="">
      <xdr:nvSpPr>
        <xdr:cNvPr id="166" name="維持補修費最小値テキスト">
          <a:extLst>
            <a:ext uri="{FF2B5EF4-FFF2-40B4-BE49-F238E27FC236}">
              <a16:creationId xmlns:a16="http://schemas.microsoft.com/office/drawing/2014/main" id="{00000000-0008-0000-0600-0000A6000000}"/>
            </a:ext>
          </a:extLst>
        </xdr:cNvPr>
        <xdr:cNvSpPr txBox="1"/>
      </xdr:nvSpPr>
      <xdr:spPr>
        <a:xfrm>
          <a:off x="4686300" y="135700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1628</xdr:rowOff>
    </xdr:from>
    <xdr:to>
      <xdr:col>24</xdr:col>
      <xdr:colOff>152400</xdr:colOff>
      <xdr:row>79</xdr:row>
      <xdr:rowOff>21628</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4546600" y="13566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37952</xdr:rowOff>
    </xdr:from>
    <xdr:ext cx="534377" cy="259045"/>
    <xdr:sp macro="" textlink="">
      <xdr:nvSpPr>
        <xdr:cNvPr id="168" name="維持補修費最大値テキスト">
          <a:extLst>
            <a:ext uri="{FF2B5EF4-FFF2-40B4-BE49-F238E27FC236}">
              <a16:creationId xmlns:a16="http://schemas.microsoft.com/office/drawing/2014/main" id="{00000000-0008-0000-0600-0000A8000000}"/>
            </a:ext>
          </a:extLst>
        </xdr:cNvPr>
        <xdr:cNvSpPr txBox="1"/>
      </xdr:nvSpPr>
      <xdr:spPr>
        <a:xfrm>
          <a:off x="4686300" y="12039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1275</xdr:rowOff>
    </xdr:from>
    <xdr:to>
      <xdr:col>24</xdr:col>
      <xdr:colOff>152400</xdr:colOff>
      <xdr:row>71</xdr:row>
      <xdr:rowOff>91275</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2264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62179</xdr:rowOff>
    </xdr:from>
    <xdr:to>
      <xdr:col>24</xdr:col>
      <xdr:colOff>63500</xdr:colOff>
      <xdr:row>78</xdr:row>
      <xdr:rowOff>16736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3797300" y="13535279"/>
          <a:ext cx="838200" cy="5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2042</xdr:rowOff>
    </xdr:from>
    <xdr:ext cx="469744" cy="259045"/>
    <xdr:sp macro="" textlink="">
      <xdr:nvSpPr>
        <xdr:cNvPr id="171" name="維持補修費平均値テキスト">
          <a:extLst>
            <a:ext uri="{FF2B5EF4-FFF2-40B4-BE49-F238E27FC236}">
              <a16:creationId xmlns:a16="http://schemas.microsoft.com/office/drawing/2014/main" id="{00000000-0008-0000-0600-0000AB000000}"/>
            </a:ext>
          </a:extLst>
        </xdr:cNvPr>
        <xdr:cNvSpPr txBox="1"/>
      </xdr:nvSpPr>
      <xdr:spPr>
        <a:xfrm>
          <a:off x="4686300" y="131222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9165</xdr:rowOff>
    </xdr:from>
    <xdr:to>
      <xdr:col>24</xdr:col>
      <xdr:colOff>114300</xdr:colOff>
      <xdr:row>77</xdr:row>
      <xdr:rowOff>170765</xdr:rowOff>
    </xdr:to>
    <xdr:sp macro="" textlink="">
      <xdr:nvSpPr>
        <xdr:cNvPr id="172" name="フローチャート: 判断 171">
          <a:extLst>
            <a:ext uri="{FF2B5EF4-FFF2-40B4-BE49-F238E27FC236}">
              <a16:creationId xmlns:a16="http://schemas.microsoft.com/office/drawing/2014/main" id="{00000000-0008-0000-0600-0000AC000000}"/>
            </a:ext>
          </a:extLst>
        </xdr:cNvPr>
        <xdr:cNvSpPr/>
      </xdr:nvSpPr>
      <xdr:spPr>
        <a:xfrm>
          <a:off x="4584700" y="1327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2179</xdr:rowOff>
    </xdr:from>
    <xdr:to>
      <xdr:col>19</xdr:col>
      <xdr:colOff>177800</xdr:colOff>
      <xdr:row>78</xdr:row>
      <xdr:rowOff>165264</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2908300" y="13535279"/>
          <a:ext cx="8890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5642</xdr:rowOff>
    </xdr:from>
    <xdr:to>
      <xdr:col>20</xdr:col>
      <xdr:colOff>38100</xdr:colOff>
      <xdr:row>78</xdr:row>
      <xdr:rowOff>5792</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3746500" y="13277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2319</xdr:rowOff>
    </xdr:from>
    <xdr:ext cx="469744" cy="259045"/>
    <xdr:sp macro="" textlink="">
      <xdr:nvSpPr>
        <xdr:cNvPr id="175" name="テキスト ボックス 174">
          <a:extLst>
            <a:ext uri="{FF2B5EF4-FFF2-40B4-BE49-F238E27FC236}">
              <a16:creationId xmlns:a16="http://schemas.microsoft.com/office/drawing/2014/main" id="{00000000-0008-0000-0600-0000AF000000}"/>
            </a:ext>
          </a:extLst>
        </xdr:cNvPr>
        <xdr:cNvSpPr txBox="1"/>
      </xdr:nvSpPr>
      <xdr:spPr>
        <a:xfrm>
          <a:off x="3562428" y="13052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5264</xdr:rowOff>
    </xdr:from>
    <xdr:to>
      <xdr:col>15</xdr:col>
      <xdr:colOff>50800</xdr:colOff>
      <xdr:row>78</xdr:row>
      <xdr:rowOff>170675</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2019300" y="13538364"/>
          <a:ext cx="889000" cy="5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07417</xdr:rowOff>
    </xdr:from>
    <xdr:to>
      <xdr:col>15</xdr:col>
      <xdr:colOff>101600</xdr:colOff>
      <xdr:row>78</xdr:row>
      <xdr:rowOff>3756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2857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54094</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2673428" y="13084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9838</xdr:rowOff>
    </xdr:from>
    <xdr:to>
      <xdr:col>10</xdr:col>
      <xdr:colOff>114300</xdr:colOff>
      <xdr:row>78</xdr:row>
      <xdr:rowOff>170675</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1130300" y="13542938"/>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6486</xdr:rowOff>
    </xdr:from>
    <xdr:to>
      <xdr:col>10</xdr:col>
      <xdr:colOff>165100</xdr:colOff>
      <xdr:row>78</xdr:row>
      <xdr:rowOff>66636</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1968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83163</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1784428" y="13113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2811</xdr:rowOff>
    </xdr:from>
    <xdr:to>
      <xdr:col>6</xdr:col>
      <xdr:colOff>38100</xdr:colOff>
      <xdr:row>78</xdr:row>
      <xdr:rowOff>7296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079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89488</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895428" y="1311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16560</xdr:rowOff>
    </xdr:from>
    <xdr:to>
      <xdr:col>24</xdr:col>
      <xdr:colOff>114300</xdr:colOff>
      <xdr:row>79</xdr:row>
      <xdr:rowOff>46710</xdr:rowOff>
    </xdr:to>
    <xdr:sp macro="" textlink="">
      <xdr:nvSpPr>
        <xdr:cNvPr id="189" name="楕円 188">
          <a:extLst>
            <a:ext uri="{FF2B5EF4-FFF2-40B4-BE49-F238E27FC236}">
              <a16:creationId xmlns:a16="http://schemas.microsoft.com/office/drawing/2014/main" id="{00000000-0008-0000-0600-0000BD000000}"/>
            </a:ext>
          </a:extLst>
        </xdr:cNvPr>
        <xdr:cNvSpPr/>
      </xdr:nvSpPr>
      <xdr:spPr>
        <a:xfrm>
          <a:off x="4584700" y="13489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31487</xdr:rowOff>
    </xdr:from>
    <xdr:ext cx="469744" cy="259045"/>
    <xdr:sp macro="" textlink="">
      <xdr:nvSpPr>
        <xdr:cNvPr id="190" name="維持補修費該当値テキスト">
          <a:extLst>
            <a:ext uri="{FF2B5EF4-FFF2-40B4-BE49-F238E27FC236}">
              <a16:creationId xmlns:a16="http://schemas.microsoft.com/office/drawing/2014/main" id="{00000000-0008-0000-0600-0000BE000000}"/>
            </a:ext>
          </a:extLst>
        </xdr:cNvPr>
        <xdr:cNvSpPr txBox="1"/>
      </xdr:nvSpPr>
      <xdr:spPr>
        <a:xfrm>
          <a:off x="4686300" y="13404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11379</xdr:rowOff>
    </xdr:from>
    <xdr:to>
      <xdr:col>20</xdr:col>
      <xdr:colOff>38100</xdr:colOff>
      <xdr:row>79</xdr:row>
      <xdr:rowOff>41529</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3746500" y="13484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32656</xdr:rowOff>
    </xdr:from>
    <xdr:ext cx="469744"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3562428" y="13577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14464</xdr:rowOff>
    </xdr:from>
    <xdr:to>
      <xdr:col>15</xdr:col>
      <xdr:colOff>101600</xdr:colOff>
      <xdr:row>79</xdr:row>
      <xdr:rowOff>44614</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2857500" y="1348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35741</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673428" y="13580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9875</xdr:rowOff>
    </xdr:from>
    <xdr:to>
      <xdr:col>10</xdr:col>
      <xdr:colOff>165100</xdr:colOff>
      <xdr:row>79</xdr:row>
      <xdr:rowOff>50025</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1968500" y="13492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41152</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1784428" y="13585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9038</xdr:rowOff>
    </xdr:from>
    <xdr:to>
      <xdr:col>6</xdr:col>
      <xdr:colOff>38100</xdr:colOff>
      <xdr:row>79</xdr:row>
      <xdr:rowOff>49188</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079500" y="1349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40315</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895428" y="13584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扶助費グラフ枠">
          <a:extLst>
            <a:ext uri="{FF2B5EF4-FFF2-40B4-BE49-F238E27FC236}">
              <a16:creationId xmlns:a16="http://schemas.microsoft.com/office/drawing/2014/main" id="{00000000-0008-0000-06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6786</xdr:rowOff>
    </xdr:from>
    <xdr:to>
      <xdr:col>24</xdr:col>
      <xdr:colOff>62865</xdr:colOff>
      <xdr:row>98</xdr:row>
      <xdr:rowOff>115174</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flipV="1">
          <a:off x="4633595" y="15577286"/>
          <a:ext cx="1270" cy="1339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9001</xdr:rowOff>
    </xdr:from>
    <xdr:ext cx="534377" cy="259045"/>
    <xdr:sp macro="" textlink="">
      <xdr:nvSpPr>
        <xdr:cNvPr id="226" name="扶助費最小値テキスト">
          <a:extLst>
            <a:ext uri="{FF2B5EF4-FFF2-40B4-BE49-F238E27FC236}">
              <a16:creationId xmlns:a16="http://schemas.microsoft.com/office/drawing/2014/main" id="{00000000-0008-0000-0600-0000E2000000}"/>
            </a:ext>
          </a:extLst>
        </xdr:cNvPr>
        <xdr:cNvSpPr txBox="1"/>
      </xdr:nvSpPr>
      <xdr:spPr>
        <a:xfrm>
          <a:off x="4686300" y="16921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5174</xdr:rowOff>
    </xdr:from>
    <xdr:to>
      <xdr:col>24</xdr:col>
      <xdr:colOff>152400</xdr:colOff>
      <xdr:row>98</xdr:row>
      <xdr:rowOff>115174</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4546600" y="16917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3463</xdr:rowOff>
    </xdr:from>
    <xdr:ext cx="599010" cy="259045"/>
    <xdr:sp macro="" textlink="">
      <xdr:nvSpPr>
        <xdr:cNvPr id="228" name="扶助費最大値テキスト">
          <a:extLst>
            <a:ext uri="{FF2B5EF4-FFF2-40B4-BE49-F238E27FC236}">
              <a16:creationId xmlns:a16="http://schemas.microsoft.com/office/drawing/2014/main" id="{00000000-0008-0000-0600-0000E4000000}"/>
            </a:ext>
          </a:extLst>
        </xdr:cNvPr>
        <xdr:cNvSpPr txBox="1"/>
      </xdr:nvSpPr>
      <xdr:spPr>
        <a:xfrm>
          <a:off x="4686300" y="15352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6786</xdr:rowOff>
    </xdr:from>
    <xdr:to>
      <xdr:col>24</xdr:col>
      <xdr:colOff>152400</xdr:colOff>
      <xdr:row>90</xdr:row>
      <xdr:rowOff>146786</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5577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9197</xdr:rowOff>
    </xdr:from>
    <xdr:to>
      <xdr:col>24</xdr:col>
      <xdr:colOff>63500</xdr:colOff>
      <xdr:row>97</xdr:row>
      <xdr:rowOff>22254</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3797300" y="16538397"/>
          <a:ext cx="838200" cy="114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31111</xdr:rowOff>
    </xdr:from>
    <xdr:ext cx="534377" cy="259045"/>
    <xdr:sp macro="" textlink="">
      <xdr:nvSpPr>
        <xdr:cNvPr id="231" name="扶助費平均値テキスト">
          <a:extLst>
            <a:ext uri="{FF2B5EF4-FFF2-40B4-BE49-F238E27FC236}">
              <a16:creationId xmlns:a16="http://schemas.microsoft.com/office/drawing/2014/main" id="{00000000-0008-0000-0600-0000E7000000}"/>
            </a:ext>
          </a:extLst>
        </xdr:cNvPr>
        <xdr:cNvSpPr txBox="1"/>
      </xdr:nvSpPr>
      <xdr:spPr>
        <a:xfrm>
          <a:off x="4686300" y="162474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8234</xdr:rowOff>
    </xdr:from>
    <xdr:to>
      <xdr:col>24</xdr:col>
      <xdr:colOff>114300</xdr:colOff>
      <xdr:row>96</xdr:row>
      <xdr:rowOff>38384</xdr:rowOff>
    </xdr:to>
    <xdr:sp macro="" textlink="">
      <xdr:nvSpPr>
        <xdr:cNvPr id="232" name="フローチャート: 判断 231">
          <a:extLst>
            <a:ext uri="{FF2B5EF4-FFF2-40B4-BE49-F238E27FC236}">
              <a16:creationId xmlns:a16="http://schemas.microsoft.com/office/drawing/2014/main" id="{00000000-0008-0000-0600-0000E8000000}"/>
            </a:ext>
          </a:extLst>
        </xdr:cNvPr>
        <xdr:cNvSpPr/>
      </xdr:nvSpPr>
      <xdr:spPr>
        <a:xfrm>
          <a:off x="4584700" y="16395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79197</xdr:rowOff>
    </xdr:from>
    <xdr:to>
      <xdr:col>19</xdr:col>
      <xdr:colOff>177800</xdr:colOff>
      <xdr:row>97</xdr:row>
      <xdr:rowOff>11448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2908300" y="16538397"/>
          <a:ext cx="889000" cy="206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66864</xdr:rowOff>
    </xdr:from>
    <xdr:to>
      <xdr:col>20</xdr:col>
      <xdr:colOff>38100</xdr:colOff>
      <xdr:row>95</xdr:row>
      <xdr:rowOff>97014</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3746500" y="16283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13541</xdr:rowOff>
    </xdr:from>
    <xdr:ext cx="534377" cy="259045"/>
    <xdr:sp macro="" textlink="">
      <xdr:nvSpPr>
        <xdr:cNvPr id="235" name="テキスト ボックス 234">
          <a:extLst>
            <a:ext uri="{FF2B5EF4-FFF2-40B4-BE49-F238E27FC236}">
              <a16:creationId xmlns:a16="http://schemas.microsoft.com/office/drawing/2014/main" id="{00000000-0008-0000-0600-0000EB000000}"/>
            </a:ext>
          </a:extLst>
        </xdr:cNvPr>
        <xdr:cNvSpPr txBox="1"/>
      </xdr:nvSpPr>
      <xdr:spPr>
        <a:xfrm>
          <a:off x="3530111" y="16058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4489</xdr:rowOff>
    </xdr:from>
    <xdr:to>
      <xdr:col>15</xdr:col>
      <xdr:colOff>50800</xdr:colOff>
      <xdr:row>97</xdr:row>
      <xdr:rowOff>138415</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2019300" y="16745139"/>
          <a:ext cx="889000" cy="23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0913</xdr:rowOff>
    </xdr:from>
    <xdr:to>
      <xdr:col>15</xdr:col>
      <xdr:colOff>101600</xdr:colOff>
      <xdr:row>96</xdr:row>
      <xdr:rowOff>162513</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2857500" y="1652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590</xdr:rowOff>
    </xdr:from>
    <xdr:ext cx="534377"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2641111" y="1629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38415</xdr:rowOff>
    </xdr:from>
    <xdr:to>
      <xdr:col>10</xdr:col>
      <xdr:colOff>114300</xdr:colOff>
      <xdr:row>97</xdr:row>
      <xdr:rowOff>170093</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1130300" y="16769065"/>
          <a:ext cx="889000" cy="31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5642</xdr:rowOff>
    </xdr:from>
    <xdr:to>
      <xdr:col>10</xdr:col>
      <xdr:colOff>165100</xdr:colOff>
      <xdr:row>97</xdr:row>
      <xdr:rowOff>579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1968500" y="16534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2319</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1752111" y="1631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6016</xdr:rowOff>
    </xdr:from>
    <xdr:to>
      <xdr:col>6</xdr:col>
      <xdr:colOff>38100</xdr:colOff>
      <xdr:row>97</xdr:row>
      <xdr:rowOff>46166</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079500" y="165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2693</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863111" y="1635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2904</xdr:rowOff>
    </xdr:from>
    <xdr:to>
      <xdr:col>24</xdr:col>
      <xdr:colOff>114300</xdr:colOff>
      <xdr:row>97</xdr:row>
      <xdr:rowOff>73054</xdr:rowOff>
    </xdr:to>
    <xdr:sp macro="" textlink="">
      <xdr:nvSpPr>
        <xdr:cNvPr id="249" name="楕円 248">
          <a:extLst>
            <a:ext uri="{FF2B5EF4-FFF2-40B4-BE49-F238E27FC236}">
              <a16:creationId xmlns:a16="http://schemas.microsoft.com/office/drawing/2014/main" id="{00000000-0008-0000-0600-0000F9000000}"/>
            </a:ext>
          </a:extLst>
        </xdr:cNvPr>
        <xdr:cNvSpPr/>
      </xdr:nvSpPr>
      <xdr:spPr>
        <a:xfrm>
          <a:off x="4584700" y="16602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1331</xdr:rowOff>
    </xdr:from>
    <xdr:ext cx="534377" cy="259045"/>
    <xdr:sp macro="" textlink="">
      <xdr:nvSpPr>
        <xdr:cNvPr id="250" name="扶助費該当値テキスト">
          <a:extLst>
            <a:ext uri="{FF2B5EF4-FFF2-40B4-BE49-F238E27FC236}">
              <a16:creationId xmlns:a16="http://schemas.microsoft.com/office/drawing/2014/main" id="{00000000-0008-0000-0600-0000FA000000}"/>
            </a:ext>
          </a:extLst>
        </xdr:cNvPr>
        <xdr:cNvSpPr txBox="1"/>
      </xdr:nvSpPr>
      <xdr:spPr>
        <a:xfrm>
          <a:off x="4686300" y="16580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28397</xdr:rowOff>
    </xdr:from>
    <xdr:to>
      <xdr:col>20</xdr:col>
      <xdr:colOff>38100</xdr:colOff>
      <xdr:row>96</xdr:row>
      <xdr:rowOff>129997</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3746500" y="1648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1124</xdr:rowOff>
    </xdr:from>
    <xdr:ext cx="534377"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3530111" y="16580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3689</xdr:rowOff>
    </xdr:from>
    <xdr:to>
      <xdr:col>15</xdr:col>
      <xdr:colOff>101600</xdr:colOff>
      <xdr:row>97</xdr:row>
      <xdr:rowOff>165289</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2857500" y="16694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6416</xdr:rowOff>
    </xdr:from>
    <xdr:ext cx="534377"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641111" y="16787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87615</xdr:rowOff>
    </xdr:from>
    <xdr:to>
      <xdr:col>10</xdr:col>
      <xdr:colOff>165100</xdr:colOff>
      <xdr:row>98</xdr:row>
      <xdr:rowOff>17765</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1968500" y="16718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8892</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1752111" y="1681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9293</xdr:rowOff>
    </xdr:from>
    <xdr:to>
      <xdr:col>6</xdr:col>
      <xdr:colOff>38100</xdr:colOff>
      <xdr:row>98</xdr:row>
      <xdr:rowOff>49443</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079500" y="1674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0570</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863111" y="16842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6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9" name="直線コネクタ 268">
          <a:extLst>
            <a:ext uri="{FF2B5EF4-FFF2-40B4-BE49-F238E27FC236}">
              <a16:creationId xmlns:a16="http://schemas.microsoft.com/office/drawing/2014/main" id="{00000000-0008-0000-0600-00000D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a:extLst>
            <a:ext uri="{FF2B5EF4-FFF2-40B4-BE49-F238E27FC236}">
              <a16:creationId xmlns:a16="http://schemas.microsoft.com/office/drawing/2014/main" id="{00000000-0008-0000-06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2799</xdr:rowOff>
    </xdr:from>
    <xdr:to>
      <xdr:col>54</xdr:col>
      <xdr:colOff>189865</xdr:colOff>
      <xdr:row>37</xdr:row>
      <xdr:rowOff>102123</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flipV="1">
          <a:off x="10475595" y="5377749"/>
          <a:ext cx="1270" cy="1068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05950</xdr:rowOff>
    </xdr:from>
    <xdr:ext cx="534377" cy="259045"/>
    <xdr:sp macro="" textlink="">
      <xdr:nvSpPr>
        <xdr:cNvPr id="281" name="補助費等最小値テキスト">
          <a:extLst>
            <a:ext uri="{FF2B5EF4-FFF2-40B4-BE49-F238E27FC236}">
              <a16:creationId xmlns:a16="http://schemas.microsoft.com/office/drawing/2014/main" id="{00000000-0008-0000-0600-000019010000}"/>
            </a:ext>
          </a:extLst>
        </xdr:cNvPr>
        <xdr:cNvSpPr txBox="1"/>
      </xdr:nvSpPr>
      <xdr:spPr>
        <a:xfrm>
          <a:off x="10528300" y="6449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02123</xdr:rowOff>
    </xdr:from>
    <xdr:to>
      <xdr:col>55</xdr:col>
      <xdr:colOff>88900</xdr:colOff>
      <xdr:row>37</xdr:row>
      <xdr:rowOff>102123</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10388600" y="6445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476</xdr:rowOff>
    </xdr:from>
    <xdr:ext cx="599010" cy="259045"/>
    <xdr:sp macro="" textlink="">
      <xdr:nvSpPr>
        <xdr:cNvPr id="283" name="補助費等最大値テキスト">
          <a:extLst>
            <a:ext uri="{FF2B5EF4-FFF2-40B4-BE49-F238E27FC236}">
              <a16:creationId xmlns:a16="http://schemas.microsoft.com/office/drawing/2014/main" id="{00000000-0008-0000-0600-00001B010000}"/>
            </a:ext>
          </a:extLst>
        </xdr:cNvPr>
        <xdr:cNvSpPr txBox="1"/>
      </xdr:nvSpPr>
      <xdr:spPr>
        <a:xfrm>
          <a:off x="10528300" y="5152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62799</xdr:rowOff>
    </xdr:from>
    <xdr:to>
      <xdr:col>55</xdr:col>
      <xdr:colOff>88900</xdr:colOff>
      <xdr:row>31</xdr:row>
      <xdr:rowOff>62799</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10388600" y="5377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32761</xdr:rowOff>
    </xdr:from>
    <xdr:to>
      <xdr:col>55</xdr:col>
      <xdr:colOff>0</xdr:colOff>
      <xdr:row>37</xdr:row>
      <xdr:rowOff>54423</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flipV="1">
          <a:off x="9639300" y="6376411"/>
          <a:ext cx="838200" cy="21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06926</xdr:rowOff>
    </xdr:from>
    <xdr:ext cx="599010" cy="259045"/>
    <xdr:sp macro="" textlink="">
      <xdr:nvSpPr>
        <xdr:cNvPr id="286" name="補助費等平均値テキスト">
          <a:extLst>
            <a:ext uri="{FF2B5EF4-FFF2-40B4-BE49-F238E27FC236}">
              <a16:creationId xmlns:a16="http://schemas.microsoft.com/office/drawing/2014/main" id="{00000000-0008-0000-0600-00001E010000}"/>
            </a:ext>
          </a:extLst>
        </xdr:cNvPr>
        <xdr:cNvSpPr txBox="1"/>
      </xdr:nvSpPr>
      <xdr:spPr>
        <a:xfrm>
          <a:off x="10528300" y="59362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4049</xdr:rowOff>
    </xdr:from>
    <xdr:to>
      <xdr:col>55</xdr:col>
      <xdr:colOff>50800</xdr:colOff>
      <xdr:row>36</xdr:row>
      <xdr:rowOff>14199</xdr:rowOff>
    </xdr:to>
    <xdr:sp macro="" textlink="">
      <xdr:nvSpPr>
        <xdr:cNvPr id="287" name="フローチャート: 判断 286">
          <a:extLst>
            <a:ext uri="{FF2B5EF4-FFF2-40B4-BE49-F238E27FC236}">
              <a16:creationId xmlns:a16="http://schemas.microsoft.com/office/drawing/2014/main" id="{00000000-0008-0000-0600-00001F010000}"/>
            </a:ext>
          </a:extLst>
        </xdr:cNvPr>
        <xdr:cNvSpPr/>
      </xdr:nvSpPr>
      <xdr:spPr>
        <a:xfrm>
          <a:off x="10426700" y="6084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26898</xdr:rowOff>
    </xdr:from>
    <xdr:to>
      <xdr:col>50</xdr:col>
      <xdr:colOff>114300</xdr:colOff>
      <xdr:row>37</xdr:row>
      <xdr:rowOff>54423</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8750300" y="5956198"/>
          <a:ext cx="889000" cy="441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15797</xdr:rowOff>
    </xdr:from>
    <xdr:to>
      <xdr:col>50</xdr:col>
      <xdr:colOff>165100</xdr:colOff>
      <xdr:row>36</xdr:row>
      <xdr:rowOff>45947</xdr:rowOff>
    </xdr:to>
    <xdr:sp macro="" textlink="">
      <xdr:nvSpPr>
        <xdr:cNvPr id="289" name="フローチャート: 判断 288">
          <a:extLst>
            <a:ext uri="{FF2B5EF4-FFF2-40B4-BE49-F238E27FC236}">
              <a16:creationId xmlns:a16="http://schemas.microsoft.com/office/drawing/2014/main" id="{00000000-0008-0000-0600-000021010000}"/>
            </a:ext>
          </a:extLst>
        </xdr:cNvPr>
        <xdr:cNvSpPr/>
      </xdr:nvSpPr>
      <xdr:spPr>
        <a:xfrm>
          <a:off x="9588500" y="611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62474</xdr:rowOff>
    </xdr:from>
    <xdr:ext cx="599010"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9339795" y="58917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26898</xdr:rowOff>
    </xdr:from>
    <xdr:to>
      <xdr:col>45</xdr:col>
      <xdr:colOff>177800</xdr:colOff>
      <xdr:row>37</xdr:row>
      <xdr:rowOff>107042</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7861300" y="5956198"/>
          <a:ext cx="889000" cy="494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2</xdr:row>
      <xdr:rowOff>167287</xdr:rowOff>
    </xdr:from>
    <xdr:to>
      <xdr:col>46</xdr:col>
      <xdr:colOff>38100</xdr:colOff>
      <xdr:row>33</xdr:row>
      <xdr:rowOff>97437</xdr:rowOff>
    </xdr:to>
    <xdr:sp macro="" textlink="">
      <xdr:nvSpPr>
        <xdr:cNvPr id="292" name="フローチャート: 判断 291">
          <a:extLst>
            <a:ext uri="{FF2B5EF4-FFF2-40B4-BE49-F238E27FC236}">
              <a16:creationId xmlns:a16="http://schemas.microsoft.com/office/drawing/2014/main" id="{00000000-0008-0000-0600-000024010000}"/>
            </a:ext>
          </a:extLst>
        </xdr:cNvPr>
        <xdr:cNvSpPr/>
      </xdr:nvSpPr>
      <xdr:spPr>
        <a:xfrm>
          <a:off x="8699500" y="5653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13964</xdr:rowOff>
    </xdr:from>
    <xdr:ext cx="599010" cy="259045"/>
    <xdr:sp macro="" textlink="">
      <xdr:nvSpPr>
        <xdr:cNvPr id="293" name="テキスト ボックス 292">
          <a:extLst>
            <a:ext uri="{FF2B5EF4-FFF2-40B4-BE49-F238E27FC236}">
              <a16:creationId xmlns:a16="http://schemas.microsoft.com/office/drawing/2014/main" id="{00000000-0008-0000-0600-000025010000}"/>
            </a:ext>
          </a:extLst>
        </xdr:cNvPr>
        <xdr:cNvSpPr txBox="1"/>
      </xdr:nvSpPr>
      <xdr:spPr>
        <a:xfrm>
          <a:off x="8450795" y="5428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7042</xdr:rowOff>
    </xdr:from>
    <xdr:to>
      <xdr:col>41</xdr:col>
      <xdr:colOff>50800</xdr:colOff>
      <xdr:row>37</xdr:row>
      <xdr:rowOff>11439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6972300" y="6450692"/>
          <a:ext cx="889000" cy="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28600</xdr:rowOff>
    </xdr:from>
    <xdr:to>
      <xdr:col>41</xdr:col>
      <xdr:colOff>101600</xdr:colOff>
      <xdr:row>36</xdr:row>
      <xdr:rowOff>130200</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7810500" y="62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46727</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7594111" y="5976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5206</xdr:rowOff>
    </xdr:from>
    <xdr:to>
      <xdr:col>36</xdr:col>
      <xdr:colOff>165100</xdr:colOff>
      <xdr:row>36</xdr:row>
      <xdr:rowOff>136806</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6921500" y="6207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53333</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6705111" y="598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3411</xdr:rowOff>
    </xdr:from>
    <xdr:to>
      <xdr:col>55</xdr:col>
      <xdr:colOff>50800</xdr:colOff>
      <xdr:row>37</xdr:row>
      <xdr:rowOff>83561</xdr:rowOff>
    </xdr:to>
    <xdr:sp macro="" textlink="">
      <xdr:nvSpPr>
        <xdr:cNvPr id="304" name="楕円 303">
          <a:extLst>
            <a:ext uri="{FF2B5EF4-FFF2-40B4-BE49-F238E27FC236}">
              <a16:creationId xmlns:a16="http://schemas.microsoft.com/office/drawing/2014/main" id="{00000000-0008-0000-0600-000030010000}"/>
            </a:ext>
          </a:extLst>
        </xdr:cNvPr>
        <xdr:cNvSpPr/>
      </xdr:nvSpPr>
      <xdr:spPr>
        <a:xfrm>
          <a:off x="10426700" y="632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68338</xdr:rowOff>
    </xdr:from>
    <xdr:ext cx="534377" cy="259045"/>
    <xdr:sp macro="" textlink="">
      <xdr:nvSpPr>
        <xdr:cNvPr id="305" name="補助費等該当値テキスト">
          <a:extLst>
            <a:ext uri="{FF2B5EF4-FFF2-40B4-BE49-F238E27FC236}">
              <a16:creationId xmlns:a16="http://schemas.microsoft.com/office/drawing/2014/main" id="{00000000-0008-0000-0600-000031010000}"/>
            </a:ext>
          </a:extLst>
        </xdr:cNvPr>
        <xdr:cNvSpPr txBox="1"/>
      </xdr:nvSpPr>
      <xdr:spPr>
        <a:xfrm>
          <a:off x="10528300" y="6240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623</xdr:rowOff>
    </xdr:from>
    <xdr:to>
      <xdr:col>50</xdr:col>
      <xdr:colOff>165100</xdr:colOff>
      <xdr:row>37</xdr:row>
      <xdr:rowOff>105223</xdr:rowOff>
    </xdr:to>
    <xdr:sp macro="" textlink="">
      <xdr:nvSpPr>
        <xdr:cNvPr id="306" name="楕円 305">
          <a:extLst>
            <a:ext uri="{FF2B5EF4-FFF2-40B4-BE49-F238E27FC236}">
              <a16:creationId xmlns:a16="http://schemas.microsoft.com/office/drawing/2014/main" id="{00000000-0008-0000-0600-000032010000}"/>
            </a:ext>
          </a:extLst>
        </xdr:cNvPr>
        <xdr:cNvSpPr/>
      </xdr:nvSpPr>
      <xdr:spPr>
        <a:xfrm>
          <a:off x="9588500" y="6347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96350</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372111" y="6440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76098</xdr:rowOff>
    </xdr:from>
    <xdr:to>
      <xdr:col>46</xdr:col>
      <xdr:colOff>38100</xdr:colOff>
      <xdr:row>35</xdr:row>
      <xdr:rowOff>6248</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8699500" y="590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168825</xdr:rowOff>
    </xdr:from>
    <xdr:ext cx="59901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450795" y="5998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6242</xdr:rowOff>
    </xdr:from>
    <xdr:to>
      <xdr:col>41</xdr:col>
      <xdr:colOff>101600</xdr:colOff>
      <xdr:row>37</xdr:row>
      <xdr:rowOff>157842</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7810500" y="6399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48969</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594111" y="6492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3594</xdr:rowOff>
    </xdr:from>
    <xdr:to>
      <xdr:col>36</xdr:col>
      <xdr:colOff>165100</xdr:colOff>
      <xdr:row>37</xdr:row>
      <xdr:rowOff>16519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6921500" y="640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56321</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05111" y="6499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a16="http://schemas.microsoft.com/office/drawing/2014/main" id="{00000000-0008-0000-06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a16="http://schemas.microsoft.com/office/drawing/2014/main" id="{00000000-0008-0000-06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6" name="直線コネクタ 325">
          <a:extLst>
            <a:ext uri="{FF2B5EF4-FFF2-40B4-BE49-F238E27FC236}">
              <a16:creationId xmlns:a16="http://schemas.microsoft.com/office/drawing/2014/main" id="{00000000-0008-0000-0600-000046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4" name="普通建設事業費グラフ枠">
          <a:extLst>
            <a:ext uri="{FF2B5EF4-FFF2-40B4-BE49-F238E27FC236}">
              <a16:creationId xmlns:a16="http://schemas.microsoft.com/office/drawing/2014/main" id="{00000000-0008-0000-0600-00004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4765</xdr:rowOff>
    </xdr:from>
    <xdr:to>
      <xdr:col>54</xdr:col>
      <xdr:colOff>189865</xdr:colOff>
      <xdr:row>58</xdr:row>
      <xdr:rowOff>74572</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flipV="1">
          <a:off x="10475595" y="8727265"/>
          <a:ext cx="1270" cy="12914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8399</xdr:rowOff>
    </xdr:from>
    <xdr:ext cx="534377" cy="259045"/>
    <xdr:sp macro="" textlink="">
      <xdr:nvSpPr>
        <xdr:cNvPr id="336" name="普通建設事業費最小値テキスト">
          <a:extLst>
            <a:ext uri="{FF2B5EF4-FFF2-40B4-BE49-F238E27FC236}">
              <a16:creationId xmlns:a16="http://schemas.microsoft.com/office/drawing/2014/main" id="{00000000-0008-0000-0600-000050010000}"/>
            </a:ext>
          </a:extLst>
        </xdr:cNvPr>
        <xdr:cNvSpPr txBox="1"/>
      </xdr:nvSpPr>
      <xdr:spPr>
        <a:xfrm>
          <a:off x="10528300" y="10022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4572</xdr:rowOff>
    </xdr:from>
    <xdr:to>
      <xdr:col>55</xdr:col>
      <xdr:colOff>88900</xdr:colOff>
      <xdr:row>58</xdr:row>
      <xdr:rowOff>74572</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10388600" y="10018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1442</xdr:rowOff>
    </xdr:from>
    <xdr:ext cx="599010" cy="259045"/>
    <xdr:sp macro="" textlink="">
      <xdr:nvSpPr>
        <xdr:cNvPr id="338" name="普通建設事業費最大値テキスト">
          <a:extLst>
            <a:ext uri="{FF2B5EF4-FFF2-40B4-BE49-F238E27FC236}">
              <a16:creationId xmlns:a16="http://schemas.microsoft.com/office/drawing/2014/main" id="{00000000-0008-0000-0600-000052010000}"/>
            </a:ext>
          </a:extLst>
        </xdr:cNvPr>
        <xdr:cNvSpPr txBox="1"/>
      </xdr:nvSpPr>
      <xdr:spPr>
        <a:xfrm>
          <a:off x="10528300" y="850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4765</xdr:rowOff>
    </xdr:from>
    <xdr:to>
      <xdr:col>55</xdr:col>
      <xdr:colOff>88900</xdr:colOff>
      <xdr:row>50</xdr:row>
      <xdr:rowOff>154765</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10388600" y="8727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84383</xdr:rowOff>
    </xdr:from>
    <xdr:to>
      <xdr:col>55</xdr:col>
      <xdr:colOff>0</xdr:colOff>
      <xdr:row>56</xdr:row>
      <xdr:rowOff>132746</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9639300" y="9171233"/>
          <a:ext cx="838200" cy="5627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7080</xdr:rowOff>
    </xdr:from>
    <xdr:ext cx="534377" cy="259045"/>
    <xdr:sp macro="" textlink="">
      <xdr:nvSpPr>
        <xdr:cNvPr id="341" name="普通建設事業費平均値テキスト">
          <a:extLst>
            <a:ext uri="{FF2B5EF4-FFF2-40B4-BE49-F238E27FC236}">
              <a16:creationId xmlns:a16="http://schemas.microsoft.com/office/drawing/2014/main" id="{00000000-0008-0000-0600-000055010000}"/>
            </a:ext>
          </a:extLst>
        </xdr:cNvPr>
        <xdr:cNvSpPr txBox="1"/>
      </xdr:nvSpPr>
      <xdr:spPr>
        <a:xfrm>
          <a:off x="10528300" y="9466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203</xdr:rowOff>
    </xdr:from>
    <xdr:to>
      <xdr:col>55</xdr:col>
      <xdr:colOff>50800</xdr:colOff>
      <xdr:row>56</xdr:row>
      <xdr:rowOff>115803</xdr:rowOff>
    </xdr:to>
    <xdr:sp macro="" textlink="">
      <xdr:nvSpPr>
        <xdr:cNvPr id="342" name="フローチャート: 判断 341">
          <a:extLst>
            <a:ext uri="{FF2B5EF4-FFF2-40B4-BE49-F238E27FC236}">
              <a16:creationId xmlns:a16="http://schemas.microsoft.com/office/drawing/2014/main" id="{00000000-0008-0000-0600-000056010000}"/>
            </a:ext>
          </a:extLst>
        </xdr:cNvPr>
        <xdr:cNvSpPr/>
      </xdr:nvSpPr>
      <xdr:spPr>
        <a:xfrm>
          <a:off x="10426700" y="9615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84383</xdr:rowOff>
    </xdr:from>
    <xdr:to>
      <xdr:col>50</xdr:col>
      <xdr:colOff>114300</xdr:colOff>
      <xdr:row>56</xdr:row>
      <xdr:rowOff>8259</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8750300" y="9171233"/>
          <a:ext cx="889000" cy="438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56301</xdr:rowOff>
    </xdr:from>
    <xdr:to>
      <xdr:col>50</xdr:col>
      <xdr:colOff>165100</xdr:colOff>
      <xdr:row>56</xdr:row>
      <xdr:rowOff>86451</xdr:rowOff>
    </xdr:to>
    <xdr:sp macro="" textlink="">
      <xdr:nvSpPr>
        <xdr:cNvPr id="344" name="フローチャート: 判断 343">
          <a:extLst>
            <a:ext uri="{FF2B5EF4-FFF2-40B4-BE49-F238E27FC236}">
              <a16:creationId xmlns:a16="http://schemas.microsoft.com/office/drawing/2014/main" id="{00000000-0008-0000-0600-000058010000}"/>
            </a:ext>
          </a:extLst>
        </xdr:cNvPr>
        <xdr:cNvSpPr/>
      </xdr:nvSpPr>
      <xdr:spPr>
        <a:xfrm>
          <a:off x="9588500" y="9586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77578</xdr:rowOff>
    </xdr:from>
    <xdr:ext cx="534377"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9372111" y="9678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8259</xdr:rowOff>
    </xdr:from>
    <xdr:to>
      <xdr:col>45</xdr:col>
      <xdr:colOff>177800</xdr:colOff>
      <xdr:row>57</xdr:row>
      <xdr:rowOff>51305</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7861300" y="9609459"/>
          <a:ext cx="889000" cy="214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67256</xdr:rowOff>
    </xdr:from>
    <xdr:to>
      <xdr:col>46</xdr:col>
      <xdr:colOff>38100</xdr:colOff>
      <xdr:row>55</xdr:row>
      <xdr:rowOff>168856</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8699500" y="9497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13933</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8450795" y="92722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84580</xdr:rowOff>
    </xdr:from>
    <xdr:to>
      <xdr:col>41</xdr:col>
      <xdr:colOff>50800</xdr:colOff>
      <xdr:row>57</xdr:row>
      <xdr:rowOff>5130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6972300" y="9685780"/>
          <a:ext cx="889000" cy="13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0551</xdr:rowOff>
    </xdr:from>
    <xdr:to>
      <xdr:col>41</xdr:col>
      <xdr:colOff>101600</xdr:colOff>
      <xdr:row>56</xdr:row>
      <xdr:rowOff>60701</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7810500" y="956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4</xdr:row>
      <xdr:rowOff>77228</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7561795" y="9335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7964</xdr:rowOff>
    </xdr:from>
    <xdr:to>
      <xdr:col>36</xdr:col>
      <xdr:colOff>165100</xdr:colOff>
      <xdr:row>56</xdr:row>
      <xdr:rowOff>129564</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6921500" y="9629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6091</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6705111" y="940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1946</xdr:rowOff>
    </xdr:from>
    <xdr:to>
      <xdr:col>55</xdr:col>
      <xdr:colOff>50800</xdr:colOff>
      <xdr:row>57</xdr:row>
      <xdr:rowOff>12096</xdr:rowOff>
    </xdr:to>
    <xdr:sp macro="" textlink="">
      <xdr:nvSpPr>
        <xdr:cNvPr id="359" name="楕円 358">
          <a:extLst>
            <a:ext uri="{FF2B5EF4-FFF2-40B4-BE49-F238E27FC236}">
              <a16:creationId xmlns:a16="http://schemas.microsoft.com/office/drawing/2014/main" id="{00000000-0008-0000-0600-000067010000}"/>
            </a:ext>
          </a:extLst>
        </xdr:cNvPr>
        <xdr:cNvSpPr/>
      </xdr:nvSpPr>
      <xdr:spPr>
        <a:xfrm>
          <a:off x="10426700" y="9683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60373</xdr:rowOff>
    </xdr:from>
    <xdr:ext cx="534377" cy="259045"/>
    <xdr:sp macro="" textlink="">
      <xdr:nvSpPr>
        <xdr:cNvPr id="360" name="普通建設事業費該当値テキスト">
          <a:extLst>
            <a:ext uri="{FF2B5EF4-FFF2-40B4-BE49-F238E27FC236}">
              <a16:creationId xmlns:a16="http://schemas.microsoft.com/office/drawing/2014/main" id="{00000000-0008-0000-0600-000068010000}"/>
            </a:ext>
          </a:extLst>
        </xdr:cNvPr>
        <xdr:cNvSpPr txBox="1"/>
      </xdr:nvSpPr>
      <xdr:spPr>
        <a:xfrm>
          <a:off x="10528300" y="9661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33583</xdr:rowOff>
    </xdr:from>
    <xdr:to>
      <xdr:col>50</xdr:col>
      <xdr:colOff>165100</xdr:colOff>
      <xdr:row>53</xdr:row>
      <xdr:rowOff>135183</xdr:rowOff>
    </xdr:to>
    <xdr:sp macro="" textlink="">
      <xdr:nvSpPr>
        <xdr:cNvPr id="361" name="楕円 360">
          <a:extLst>
            <a:ext uri="{FF2B5EF4-FFF2-40B4-BE49-F238E27FC236}">
              <a16:creationId xmlns:a16="http://schemas.microsoft.com/office/drawing/2014/main" id="{00000000-0008-0000-0600-000069010000}"/>
            </a:ext>
          </a:extLst>
        </xdr:cNvPr>
        <xdr:cNvSpPr/>
      </xdr:nvSpPr>
      <xdr:spPr>
        <a:xfrm>
          <a:off x="9588500" y="9120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1</xdr:row>
      <xdr:rowOff>151710</xdr:rowOff>
    </xdr:from>
    <xdr:ext cx="59901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9339795" y="889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28909</xdr:rowOff>
    </xdr:from>
    <xdr:to>
      <xdr:col>46</xdr:col>
      <xdr:colOff>38100</xdr:colOff>
      <xdr:row>56</xdr:row>
      <xdr:rowOff>59059</xdr:rowOff>
    </xdr:to>
    <xdr:sp macro="" textlink="">
      <xdr:nvSpPr>
        <xdr:cNvPr id="363" name="楕円 362">
          <a:extLst>
            <a:ext uri="{FF2B5EF4-FFF2-40B4-BE49-F238E27FC236}">
              <a16:creationId xmlns:a16="http://schemas.microsoft.com/office/drawing/2014/main" id="{00000000-0008-0000-0600-00006B010000}"/>
            </a:ext>
          </a:extLst>
        </xdr:cNvPr>
        <xdr:cNvSpPr/>
      </xdr:nvSpPr>
      <xdr:spPr>
        <a:xfrm>
          <a:off x="8699500" y="9558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50186</xdr:rowOff>
    </xdr:from>
    <xdr:ext cx="59901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450795" y="9651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05</xdr:rowOff>
    </xdr:from>
    <xdr:to>
      <xdr:col>41</xdr:col>
      <xdr:colOff>101600</xdr:colOff>
      <xdr:row>57</xdr:row>
      <xdr:rowOff>102105</xdr:rowOff>
    </xdr:to>
    <xdr:sp macro="" textlink="">
      <xdr:nvSpPr>
        <xdr:cNvPr id="365" name="楕円 364">
          <a:extLst>
            <a:ext uri="{FF2B5EF4-FFF2-40B4-BE49-F238E27FC236}">
              <a16:creationId xmlns:a16="http://schemas.microsoft.com/office/drawing/2014/main" id="{00000000-0008-0000-0600-00006D010000}"/>
            </a:ext>
          </a:extLst>
        </xdr:cNvPr>
        <xdr:cNvSpPr/>
      </xdr:nvSpPr>
      <xdr:spPr>
        <a:xfrm>
          <a:off x="7810500" y="9773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3232</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594111" y="9865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3780</xdr:rowOff>
    </xdr:from>
    <xdr:to>
      <xdr:col>36</xdr:col>
      <xdr:colOff>165100</xdr:colOff>
      <xdr:row>56</xdr:row>
      <xdr:rowOff>135380</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6921500" y="9634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26507</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05111" y="9727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9" name="正方形/長方形 368">
          <a:extLst>
            <a:ext uri="{FF2B5EF4-FFF2-40B4-BE49-F238E27FC236}">
              <a16:creationId xmlns:a16="http://schemas.microsoft.com/office/drawing/2014/main" id="{00000000-0008-0000-0600-00007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0" name="正方形/長方形 369">
          <a:extLst>
            <a:ext uri="{FF2B5EF4-FFF2-40B4-BE49-F238E27FC236}">
              <a16:creationId xmlns:a16="http://schemas.microsoft.com/office/drawing/2014/main" id="{00000000-0008-0000-0600-00007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1" name="正方形/長方形 370">
          <a:extLst>
            <a:ext uri="{FF2B5EF4-FFF2-40B4-BE49-F238E27FC236}">
              <a16:creationId xmlns:a16="http://schemas.microsoft.com/office/drawing/2014/main" id="{00000000-0008-0000-0600-00007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8" name="直線コネクタ 377">
          <a:extLst>
            <a:ext uri="{FF2B5EF4-FFF2-40B4-BE49-F238E27FC236}">
              <a16:creationId xmlns:a16="http://schemas.microsoft.com/office/drawing/2014/main" id="{00000000-0008-0000-0600-00007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79" name="直線コネクタ 378">
          <a:extLst>
            <a:ext uri="{FF2B5EF4-FFF2-40B4-BE49-F238E27FC236}">
              <a16:creationId xmlns:a16="http://schemas.microsoft.com/office/drawing/2014/main" id="{00000000-0008-0000-0600-00007B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a:extLst>
            <a:ext uri="{FF2B5EF4-FFF2-40B4-BE49-F238E27FC236}">
              <a16:creationId xmlns:a16="http://schemas.microsoft.com/office/drawing/2014/main" id="{00000000-0008-0000-06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9240</xdr:rowOff>
    </xdr:from>
    <xdr:to>
      <xdr:col>54</xdr:col>
      <xdr:colOff>189865</xdr:colOff>
      <xdr:row>79</xdr:row>
      <xdr:rowOff>444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flipV="1">
          <a:off x="10475595" y="12090740"/>
          <a:ext cx="1270" cy="149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3" name="普通建設事業費 （ うち新規整備　）最小値テキスト">
          <a:extLst>
            <a:ext uri="{FF2B5EF4-FFF2-40B4-BE49-F238E27FC236}">
              <a16:creationId xmlns:a16="http://schemas.microsoft.com/office/drawing/2014/main" id="{00000000-0008-0000-0600-000089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5917</xdr:rowOff>
    </xdr:from>
    <xdr:ext cx="599010" cy="259045"/>
    <xdr:sp macro="" textlink="">
      <xdr:nvSpPr>
        <xdr:cNvPr id="395" name="普通建設事業費 （ うち新規整備　）最大値テキスト">
          <a:extLst>
            <a:ext uri="{FF2B5EF4-FFF2-40B4-BE49-F238E27FC236}">
              <a16:creationId xmlns:a16="http://schemas.microsoft.com/office/drawing/2014/main" id="{00000000-0008-0000-0600-00008B010000}"/>
            </a:ext>
          </a:extLst>
        </xdr:cNvPr>
        <xdr:cNvSpPr txBox="1"/>
      </xdr:nvSpPr>
      <xdr:spPr>
        <a:xfrm>
          <a:off x="10528300" y="11865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9240</xdr:rowOff>
    </xdr:from>
    <xdr:to>
      <xdr:col>55</xdr:col>
      <xdr:colOff>88900</xdr:colOff>
      <xdr:row>70</xdr:row>
      <xdr:rowOff>8924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10388600" y="12090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15263</xdr:rowOff>
    </xdr:from>
    <xdr:to>
      <xdr:col>55</xdr:col>
      <xdr:colOff>0</xdr:colOff>
      <xdr:row>78</xdr:row>
      <xdr:rowOff>1571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flipV="1">
          <a:off x="9639300" y="13488363"/>
          <a:ext cx="838200" cy="4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0827</xdr:rowOff>
    </xdr:from>
    <xdr:ext cx="534377" cy="259045"/>
    <xdr:sp macro="" textlink="">
      <xdr:nvSpPr>
        <xdr:cNvPr id="398" name="普通建設事業費 （ うち新規整備　）平均値テキスト">
          <a:extLst>
            <a:ext uri="{FF2B5EF4-FFF2-40B4-BE49-F238E27FC236}">
              <a16:creationId xmlns:a16="http://schemas.microsoft.com/office/drawing/2014/main" id="{00000000-0008-0000-0600-00008E010000}"/>
            </a:ext>
          </a:extLst>
        </xdr:cNvPr>
        <xdr:cNvSpPr txBox="1"/>
      </xdr:nvSpPr>
      <xdr:spPr>
        <a:xfrm>
          <a:off x="10528300" y="13191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7950</xdr:rowOff>
    </xdr:from>
    <xdr:to>
      <xdr:col>55</xdr:col>
      <xdr:colOff>50800</xdr:colOff>
      <xdr:row>78</xdr:row>
      <xdr:rowOff>68100</xdr:rowOff>
    </xdr:to>
    <xdr:sp macro="" textlink="">
      <xdr:nvSpPr>
        <xdr:cNvPr id="399" name="フローチャート: 判断 398">
          <a:extLst>
            <a:ext uri="{FF2B5EF4-FFF2-40B4-BE49-F238E27FC236}">
              <a16:creationId xmlns:a16="http://schemas.microsoft.com/office/drawing/2014/main" id="{00000000-0008-0000-0600-00008F010000}"/>
            </a:ext>
          </a:extLst>
        </xdr:cNvPr>
        <xdr:cNvSpPr/>
      </xdr:nvSpPr>
      <xdr:spPr>
        <a:xfrm>
          <a:off x="10426700" y="1333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8400</xdr:rowOff>
    </xdr:from>
    <xdr:to>
      <xdr:col>50</xdr:col>
      <xdr:colOff>114300</xdr:colOff>
      <xdr:row>78</xdr:row>
      <xdr:rowOff>15715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8750300" y="13471500"/>
          <a:ext cx="889000" cy="58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82248</xdr:rowOff>
    </xdr:from>
    <xdr:to>
      <xdr:col>50</xdr:col>
      <xdr:colOff>165100</xdr:colOff>
      <xdr:row>78</xdr:row>
      <xdr:rowOff>12398</xdr:rowOff>
    </xdr:to>
    <xdr:sp macro="" textlink="">
      <xdr:nvSpPr>
        <xdr:cNvPr id="401" name="フローチャート: 判断 400">
          <a:extLst>
            <a:ext uri="{FF2B5EF4-FFF2-40B4-BE49-F238E27FC236}">
              <a16:creationId xmlns:a16="http://schemas.microsoft.com/office/drawing/2014/main" id="{00000000-0008-0000-0600-000091010000}"/>
            </a:ext>
          </a:extLst>
        </xdr:cNvPr>
        <xdr:cNvSpPr/>
      </xdr:nvSpPr>
      <xdr:spPr>
        <a:xfrm>
          <a:off x="9588500" y="1328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8925</xdr:rowOff>
    </xdr:from>
    <xdr:ext cx="534377"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9372111" y="13059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1770</xdr:rowOff>
    </xdr:from>
    <xdr:to>
      <xdr:col>45</xdr:col>
      <xdr:colOff>177800</xdr:colOff>
      <xdr:row>78</xdr:row>
      <xdr:rowOff>98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7861300" y="13434870"/>
          <a:ext cx="889000" cy="36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6106</xdr:rowOff>
    </xdr:from>
    <xdr:to>
      <xdr:col>46</xdr:col>
      <xdr:colOff>38100</xdr:colOff>
      <xdr:row>77</xdr:row>
      <xdr:rowOff>96256</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8699500" y="13196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12783</xdr:rowOff>
    </xdr:from>
    <xdr:ext cx="534377"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8483111" y="12971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98422</xdr:rowOff>
    </xdr:from>
    <xdr:to>
      <xdr:col>41</xdr:col>
      <xdr:colOff>50800</xdr:colOff>
      <xdr:row>78</xdr:row>
      <xdr:rowOff>6177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6972300" y="13128622"/>
          <a:ext cx="889000" cy="30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9595</xdr:rowOff>
    </xdr:from>
    <xdr:to>
      <xdr:col>41</xdr:col>
      <xdr:colOff>101600</xdr:colOff>
      <xdr:row>77</xdr:row>
      <xdr:rowOff>151195</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7810500" y="13251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67722</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7594111" y="13026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294</xdr:rowOff>
    </xdr:from>
    <xdr:to>
      <xdr:col>36</xdr:col>
      <xdr:colOff>165100</xdr:colOff>
      <xdr:row>78</xdr:row>
      <xdr:rowOff>67444</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6921500" y="13338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58571</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6705111" y="13431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4463</xdr:rowOff>
    </xdr:from>
    <xdr:to>
      <xdr:col>55</xdr:col>
      <xdr:colOff>50800</xdr:colOff>
      <xdr:row>78</xdr:row>
      <xdr:rowOff>166063</xdr:rowOff>
    </xdr:to>
    <xdr:sp macro="" textlink="">
      <xdr:nvSpPr>
        <xdr:cNvPr id="416" name="楕円 415">
          <a:extLst>
            <a:ext uri="{FF2B5EF4-FFF2-40B4-BE49-F238E27FC236}">
              <a16:creationId xmlns:a16="http://schemas.microsoft.com/office/drawing/2014/main" id="{00000000-0008-0000-0600-0000A0010000}"/>
            </a:ext>
          </a:extLst>
        </xdr:cNvPr>
        <xdr:cNvSpPr/>
      </xdr:nvSpPr>
      <xdr:spPr>
        <a:xfrm>
          <a:off x="10426700" y="13437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0840</xdr:rowOff>
    </xdr:from>
    <xdr:ext cx="534377" cy="259045"/>
    <xdr:sp macro="" textlink="">
      <xdr:nvSpPr>
        <xdr:cNvPr id="417" name="普通建設事業費 （ うち新規整備　）該当値テキスト">
          <a:extLst>
            <a:ext uri="{FF2B5EF4-FFF2-40B4-BE49-F238E27FC236}">
              <a16:creationId xmlns:a16="http://schemas.microsoft.com/office/drawing/2014/main" id="{00000000-0008-0000-0600-0000A1010000}"/>
            </a:ext>
          </a:extLst>
        </xdr:cNvPr>
        <xdr:cNvSpPr txBox="1"/>
      </xdr:nvSpPr>
      <xdr:spPr>
        <a:xfrm>
          <a:off x="10528300" y="13352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6350</xdr:rowOff>
    </xdr:from>
    <xdr:to>
      <xdr:col>50</xdr:col>
      <xdr:colOff>165100</xdr:colOff>
      <xdr:row>79</xdr:row>
      <xdr:rowOff>36500</xdr:rowOff>
    </xdr:to>
    <xdr:sp macro="" textlink="">
      <xdr:nvSpPr>
        <xdr:cNvPr id="418" name="楕円 417">
          <a:extLst>
            <a:ext uri="{FF2B5EF4-FFF2-40B4-BE49-F238E27FC236}">
              <a16:creationId xmlns:a16="http://schemas.microsoft.com/office/drawing/2014/main" id="{00000000-0008-0000-0600-0000A2010000}"/>
            </a:ext>
          </a:extLst>
        </xdr:cNvPr>
        <xdr:cNvSpPr/>
      </xdr:nvSpPr>
      <xdr:spPr>
        <a:xfrm>
          <a:off x="9588500" y="1347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7627</xdr:rowOff>
    </xdr:from>
    <xdr:ext cx="469744"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404428" y="13572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7600</xdr:rowOff>
    </xdr:from>
    <xdr:to>
      <xdr:col>46</xdr:col>
      <xdr:colOff>38100</xdr:colOff>
      <xdr:row>78</xdr:row>
      <xdr:rowOff>149200</xdr:rowOff>
    </xdr:to>
    <xdr:sp macro="" textlink="">
      <xdr:nvSpPr>
        <xdr:cNvPr id="420" name="楕円 419">
          <a:extLst>
            <a:ext uri="{FF2B5EF4-FFF2-40B4-BE49-F238E27FC236}">
              <a16:creationId xmlns:a16="http://schemas.microsoft.com/office/drawing/2014/main" id="{00000000-0008-0000-0600-0000A4010000}"/>
            </a:ext>
          </a:extLst>
        </xdr:cNvPr>
        <xdr:cNvSpPr/>
      </xdr:nvSpPr>
      <xdr:spPr>
        <a:xfrm>
          <a:off x="8699500" y="134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40327</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8483111" y="13513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970</xdr:rowOff>
    </xdr:from>
    <xdr:to>
      <xdr:col>41</xdr:col>
      <xdr:colOff>101600</xdr:colOff>
      <xdr:row>78</xdr:row>
      <xdr:rowOff>112570</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7810500" y="13384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3697</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594111" y="13476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47622</xdr:rowOff>
    </xdr:from>
    <xdr:to>
      <xdr:col>36</xdr:col>
      <xdr:colOff>165100</xdr:colOff>
      <xdr:row>76</xdr:row>
      <xdr:rowOff>149222</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6921500" y="1307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65750</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05111" y="12853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id="{00000000-0008-0000-06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id="{00000000-0008-0000-06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id="{00000000-0008-0000-06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id="{00000000-0008-0000-06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6" name="直線コネクタ 435">
          <a:extLst>
            <a:ext uri="{FF2B5EF4-FFF2-40B4-BE49-F238E27FC236}">
              <a16:creationId xmlns:a16="http://schemas.microsoft.com/office/drawing/2014/main" id="{00000000-0008-0000-0600-0000B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6" name="普通建設事業費 （ うち更新整備　）グラフ枠">
          <a:extLst>
            <a:ext uri="{FF2B5EF4-FFF2-40B4-BE49-F238E27FC236}">
              <a16:creationId xmlns:a16="http://schemas.microsoft.com/office/drawing/2014/main" id="{00000000-0008-0000-0600-0000B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35224</xdr:rowOff>
    </xdr:from>
    <xdr:to>
      <xdr:col>54</xdr:col>
      <xdr:colOff>189865</xdr:colOff>
      <xdr:row>98</xdr:row>
      <xdr:rowOff>125816</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flipV="1">
          <a:off x="10475595" y="15737174"/>
          <a:ext cx="1270" cy="1190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9643</xdr:rowOff>
    </xdr:from>
    <xdr:ext cx="469744" cy="259045"/>
    <xdr:sp macro="" textlink="">
      <xdr:nvSpPr>
        <xdr:cNvPr id="448" name="普通建設事業費 （ うち更新整備　）最小値テキスト">
          <a:extLst>
            <a:ext uri="{FF2B5EF4-FFF2-40B4-BE49-F238E27FC236}">
              <a16:creationId xmlns:a16="http://schemas.microsoft.com/office/drawing/2014/main" id="{00000000-0008-0000-0600-0000C0010000}"/>
            </a:ext>
          </a:extLst>
        </xdr:cNvPr>
        <xdr:cNvSpPr txBox="1"/>
      </xdr:nvSpPr>
      <xdr:spPr>
        <a:xfrm>
          <a:off x="10528300" y="16931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5816</xdr:rowOff>
    </xdr:from>
    <xdr:to>
      <xdr:col>55</xdr:col>
      <xdr:colOff>88900</xdr:colOff>
      <xdr:row>98</xdr:row>
      <xdr:rowOff>125816</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10388600" y="169279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81901</xdr:rowOff>
    </xdr:from>
    <xdr:ext cx="599010" cy="259045"/>
    <xdr:sp macro="" textlink="">
      <xdr:nvSpPr>
        <xdr:cNvPr id="450" name="普通建設事業費 （ うち更新整備　）最大値テキスト">
          <a:extLst>
            <a:ext uri="{FF2B5EF4-FFF2-40B4-BE49-F238E27FC236}">
              <a16:creationId xmlns:a16="http://schemas.microsoft.com/office/drawing/2014/main" id="{00000000-0008-0000-0600-0000C2010000}"/>
            </a:ext>
          </a:extLst>
        </xdr:cNvPr>
        <xdr:cNvSpPr txBox="1"/>
      </xdr:nvSpPr>
      <xdr:spPr>
        <a:xfrm>
          <a:off x="10528300" y="15512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35224</xdr:rowOff>
    </xdr:from>
    <xdr:to>
      <xdr:col>55</xdr:col>
      <xdr:colOff>88900</xdr:colOff>
      <xdr:row>91</xdr:row>
      <xdr:rowOff>135224</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10388600" y="15737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26034</xdr:rowOff>
    </xdr:from>
    <xdr:to>
      <xdr:col>55</xdr:col>
      <xdr:colOff>0</xdr:colOff>
      <xdr:row>97</xdr:row>
      <xdr:rowOff>28001</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9639300" y="16070884"/>
          <a:ext cx="838200" cy="587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59901</xdr:rowOff>
    </xdr:from>
    <xdr:ext cx="534377" cy="259045"/>
    <xdr:sp macro="" textlink="">
      <xdr:nvSpPr>
        <xdr:cNvPr id="453" name="普通建設事業費 （ うち更新整備　）平均値テキスト">
          <a:extLst>
            <a:ext uri="{FF2B5EF4-FFF2-40B4-BE49-F238E27FC236}">
              <a16:creationId xmlns:a16="http://schemas.microsoft.com/office/drawing/2014/main" id="{00000000-0008-0000-0600-0000C5010000}"/>
            </a:ext>
          </a:extLst>
        </xdr:cNvPr>
        <xdr:cNvSpPr txBox="1"/>
      </xdr:nvSpPr>
      <xdr:spPr>
        <a:xfrm>
          <a:off x="10528300" y="166191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024</xdr:rowOff>
    </xdr:from>
    <xdr:to>
      <xdr:col>55</xdr:col>
      <xdr:colOff>50800</xdr:colOff>
      <xdr:row>97</xdr:row>
      <xdr:rowOff>111624</xdr:rowOff>
    </xdr:to>
    <xdr:sp macro="" textlink="">
      <xdr:nvSpPr>
        <xdr:cNvPr id="454" name="フローチャート: 判断 453">
          <a:extLst>
            <a:ext uri="{FF2B5EF4-FFF2-40B4-BE49-F238E27FC236}">
              <a16:creationId xmlns:a16="http://schemas.microsoft.com/office/drawing/2014/main" id="{00000000-0008-0000-0600-0000C6010000}"/>
            </a:ext>
          </a:extLst>
        </xdr:cNvPr>
        <xdr:cNvSpPr/>
      </xdr:nvSpPr>
      <xdr:spPr>
        <a:xfrm>
          <a:off x="10426700" y="16640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26034</xdr:rowOff>
    </xdr:from>
    <xdr:to>
      <xdr:col>50</xdr:col>
      <xdr:colOff>114300</xdr:colOff>
      <xdr:row>96</xdr:row>
      <xdr:rowOff>111317</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8750300" y="16070884"/>
          <a:ext cx="889000" cy="499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1432</xdr:rowOff>
    </xdr:from>
    <xdr:to>
      <xdr:col>50</xdr:col>
      <xdr:colOff>165100</xdr:colOff>
      <xdr:row>97</xdr:row>
      <xdr:rowOff>113032</xdr:rowOff>
    </xdr:to>
    <xdr:sp macro="" textlink="">
      <xdr:nvSpPr>
        <xdr:cNvPr id="456" name="フローチャート: 判断 455">
          <a:extLst>
            <a:ext uri="{FF2B5EF4-FFF2-40B4-BE49-F238E27FC236}">
              <a16:creationId xmlns:a16="http://schemas.microsoft.com/office/drawing/2014/main" id="{00000000-0008-0000-0600-0000C8010000}"/>
            </a:ext>
          </a:extLst>
        </xdr:cNvPr>
        <xdr:cNvSpPr/>
      </xdr:nvSpPr>
      <xdr:spPr>
        <a:xfrm>
          <a:off x="9588500" y="16642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4159</xdr:rowOff>
    </xdr:from>
    <xdr:ext cx="534377"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9372111" y="16734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11317</xdr:rowOff>
    </xdr:from>
    <xdr:to>
      <xdr:col>45</xdr:col>
      <xdr:colOff>177800</xdr:colOff>
      <xdr:row>98</xdr:row>
      <xdr:rowOff>44497</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7861300" y="16570517"/>
          <a:ext cx="889000" cy="276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48893</xdr:rowOff>
    </xdr:from>
    <xdr:to>
      <xdr:col>46</xdr:col>
      <xdr:colOff>38100</xdr:colOff>
      <xdr:row>97</xdr:row>
      <xdr:rowOff>7904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8699500" y="16608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0170</xdr:rowOff>
    </xdr:from>
    <xdr:ext cx="534377"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8483111" y="16700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4497</xdr:rowOff>
    </xdr:from>
    <xdr:to>
      <xdr:col>41</xdr:col>
      <xdr:colOff>50800</xdr:colOff>
      <xdr:row>98</xdr:row>
      <xdr:rowOff>5776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6972300" y="16846597"/>
          <a:ext cx="889000" cy="1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386</xdr:rowOff>
    </xdr:from>
    <xdr:to>
      <xdr:col>41</xdr:col>
      <xdr:colOff>101600</xdr:colOff>
      <xdr:row>97</xdr:row>
      <xdr:rowOff>108986</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7810500" y="16638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5513</xdr:rowOff>
    </xdr:from>
    <xdr:ext cx="534377"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7594111" y="16413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3240</xdr:rowOff>
    </xdr:from>
    <xdr:to>
      <xdr:col>36</xdr:col>
      <xdr:colOff>165100</xdr:colOff>
      <xdr:row>97</xdr:row>
      <xdr:rowOff>134840</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6921500" y="16663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1367</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6705111" y="16439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8651</xdr:rowOff>
    </xdr:from>
    <xdr:to>
      <xdr:col>55</xdr:col>
      <xdr:colOff>50800</xdr:colOff>
      <xdr:row>97</xdr:row>
      <xdr:rowOff>78801</xdr:rowOff>
    </xdr:to>
    <xdr:sp macro="" textlink="">
      <xdr:nvSpPr>
        <xdr:cNvPr id="471" name="楕円 470">
          <a:extLst>
            <a:ext uri="{FF2B5EF4-FFF2-40B4-BE49-F238E27FC236}">
              <a16:creationId xmlns:a16="http://schemas.microsoft.com/office/drawing/2014/main" id="{00000000-0008-0000-0600-0000D7010000}"/>
            </a:ext>
          </a:extLst>
        </xdr:cNvPr>
        <xdr:cNvSpPr/>
      </xdr:nvSpPr>
      <xdr:spPr>
        <a:xfrm>
          <a:off x="10426700" y="16607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78</xdr:rowOff>
    </xdr:from>
    <xdr:ext cx="534377" cy="259045"/>
    <xdr:sp macro="" textlink="">
      <xdr:nvSpPr>
        <xdr:cNvPr id="472" name="普通建設事業費 （ うち更新整備　）該当値テキスト">
          <a:extLst>
            <a:ext uri="{FF2B5EF4-FFF2-40B4-BE49-F238E27FC236}">
              <a16:creationId xmlns:a16="http://schemas.microsoft.com/office/drawing/2014/main" id="{00000000-0008-0000-0600-0000D8010000}"/>
            </a:ext>
          </a:extLst>
        </xdr:cNvPr>
        <xdr:cNvSpPr txBox="1"/>
      </xdr:nvSpPr>
      <xdr:spPr>
        <a:xfrm>
          <a:off x="10528300" y="1645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75234</xdr:rowOff>
    </xdr:from>
    <xdr:to>
      <xdr:col>50</xdr:col>
      <xdr:colOff>165100</xdr:colOff>
      <xdr:row>94</xdr:row>
      <xdr:rowOff>5384</xdr:rowOff>
    </xdr:to>
    <xdr:sp macro="" textlink="">
      <xdr:nvSpPr>
        <xdr:cNvPr id="473" name="楕円 472">
          <a:extLst>
            <a:ext uri="{FF2B5EF4-FFF2-40B4-BE49-F238E27FC236}">
              <a16:creationId xmlns:a16="http://schemas.microsoft.com/office/drawing/2014/main" id="{00000000-0008-0000-0600-0000D9010000}"/>
            </a:ext>
          </a:extLst>
        </xdr:cNvPr>
        <xdr:cNvSpPr/>
      </xdr:nvSpPr>
      <xdr:spPr>
        <a:xfrm>
          <a:off x="9588500" y="16020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2</xdr:row>
      <xdr:rowOff>21911</xdr:rowOff>
    </xdr:from>
    <xdr:ext cx="59901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9339795" y="15795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60517</xdr:rowOff>
    </xdr:from>
    <xdr:to>
      <xdr:col>46</xdr:col>
      <xdr:colOff>38100</xdr:colOff>
      <xdr:row>96</xdr:row>
      <xdr:rowOff>162117</xdr:rowOff>
    </xdr:to>
    <xdr:sp macro="" textlink="">
      <xdr:nvSpPr>
        <xdr:cNvPr id="475" name="楕円 474">
          <a:extLst>
            <a:ext uri="{FF2B5EF4-FFF2-40B4-BE49-F238E27FC236}">
              <a16:creationId xmlns:a16="http://schemas.microsoft.com/office/drawing/2014/main" id="{00000000-0008-0000-0600-0000DB010000}"/>
            </a:ext>
          </a:extLst>
        </xdr:cNvPr>
        <xdr:cNvSpPr/>
      </xdr:nvSpPr>
      <xdr:spPr>
        <a:xfrm>
          <a:off x="8699500" y="1651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194</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483111" y="1629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5147</xdr:rowOff>
    </xdr:from>
    <xdr:to>
      <xdr:col>41</xdr:col>
      <xdr:colOff>101600</xdr:colOff>
      <xdr:row>98</xdr:row>
      <xdr:rowOff>95297</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7810500" y="1679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6424</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594111" y="16888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6961</xdr:rowOff>
    </xdr:from>
    <xdr:to>
      <xdr:col>36</xdr:col>
      <xdr:colOff>165100</xdr:colOff>
      <xdr:row>98</xdr:row>
      <xdr:rowOff>108561</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6921500" y="1680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9688</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05111" y="16901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1" name="正方形/長方形 480">
          <a:extLst>
            <a:ext uri="{FF2B5EF4-FFF2-40B4-BE49-F238E27FC236}">
              <a16:creationId xmlns:a16="http://schemas.microsoft.com/office/drawing/2014/main" id="{00000000-0008-0000-0600-0000E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2" name="正方形/長方形 481">
          <a:extLst>
            <a:ext uri="{FF2B5EF4-FFF2-40B4-BE49-F238E27FC236}">
              <a16:creationId xmlns:a16="http://schemas.microsoft.com/office/drawing/2014/main" id="{00000000-0008-0000-0600-0000E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3" name="正方形/長方形 482">
          <a:extLst>
            <a:ext uri="{FF2B5EF4-FFF2-40B4-BE49-F238E27FC236}">
              <a16:creationId xmlns:a16="http://schemas.microsoft.com/office/drawing/2014/main" id="{00000000-0008-0000-0600-0000E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0" name="直線コネクタ 489">
          <a:extLst>
            <a:ext uri="{FF2B5EF4-FFF2-40B4-BE49-F238E27FC236}">
              <a16:creationId xmlns:a16="http://schemas.microsoft.com/office/drawing/2014/main" id="{00000000-0008-0000-0600-0000E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1" name="直線コネクタ 490">
          <a:extLst>
            <a:ext uri="{FF2B5EF4-FFF2-40B4-BE49-F238E27FC236}">
              <a16:creationId xmlns:a16="http://schemas.microsoft.com/office/drawing/2014/main" id="{00000000-0008-0000-0600-0000EB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3" name="災害復旧事業費グラフ枠">
          <a:extLst>
            <a:ext uri="{FF2B5EF4-FFF2-40B4-BE49-F238E27FC236}">
              <a16:creationId xmlns:a16="http://schemas.microsoft.com/office/drawing/2014/main" id="{00000000-0008-0000-0600-0000F7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8844</xdr:rowOff>
    </xdr:from>
    <xdr:to>
      <xdr:col>85</xdr:col>
      <xdr:colOff>126364</xdr:colOff>
      <xdr:row>39</xdr:row>
      <xdr:rowOff>444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flipV="1">
          <a:off x="16317595" y="5463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5" name="災害復旧事業費最小値テキスト">
          <a:extLst>
            <a:ext uri="{FF2B5EF4-FFF2-40B4-BE49-F238E27FC236}">
              <a16:creationId xmlns:a16="http://schemas.microsoft.com/office/drawing/2014/main" id="{00000000-0008-0000-0600-0000F9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95521</xdr:rowOff>
    </xdr:from>
    <xdr:ext cx="534377" cy="259045"/>
    <xdr:sp macro="" textlink="">
      <xdr:nvSpPr>
        <xdr:cNvPr id="507" name="災害復旧事業費最大値テキスト">
          <a:extLst>
            <a:ext uri="{FF2B5EF4-FFF2-40B4-BE49-F238E27FC236}">
              <a16:creationId xmlns:a16="http://schemas.microsoft.com/office/drawing/2014/main" id="{00000000-0008-0000-0600-0000FB010000}"/>
            </a:ext>
          </a:extLst>
        </xdr:cNvPr>
        <xdr:cNvSpPr txBox="1"/>
      </xdr:nvSpPr>
      <xdr:spPr>
        <a:xfrm>
          <a:off x="16370300" y="5239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8844</xdr:rowOff>
    </xdr:from>
    <xdr:to>
      <xdr:col>86</xdr:col>
      <xdr:colOff>25400</xdr:colOff>
      <xdr:row>31</xdr:row>
      <xdr:rowOff>148844</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6230600" y="5463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6811</xdr:rowOff>
    </xdr:from>
    <xdr:to>
      <xdr:col>85</xdr:col>
      <xdr:colOff>127000</xdr:colOff>
      <xdr:row>39</xdr:row>
      <xdr:rowOff>444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5481300" y="6723361"/>
          <a:ext cx="838200" cy="7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7561</xdr:rowOff>
    </xdr:from>
    <xdr:ext cx="469744" cy="259045"/>
    <xdr:sp macro="" textlink="">
      <xdr:nvSpPr>
        <xdr:cNvPr id="510" name="災害復旧事業費平均値テキスト">
          <a:extLst>
            <a:ext uri="{FF2B5EF4-FFF2-40B4-BE49-F238E27FC236}">
              <a16:creationId xmlns:a16="http://schemas.microsoft.com/office/drawing/2014/main" id="{00000000-0008-0000-0600-0000FE010000}"/>
            </a:ext>
          </a:extLst>
        </xdr:cNvPr>
        <xdr:cNvSpPr txBox="1"/>
      </xdr:nvSpPr>
      <xdr:spPr>
        <a:xfrm>
          <a:off x="16370300" y="64012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4684</xdr:rowOff>
    </xdr:from>
    <xdr:to>
      <xdr:col>85</xdr:col>
      <xdr:colOff>177800</xdr:colOff>
      <xdr:row>38</xdr:row>
      <xdr:rowOff>136284</xdr:rowOff>
    </xdr:to>
    <xdr:sp macro="" textlink="">
      <xdr:nvSpPr>
        <xdr:cNvPr id="511" name="フローチャート: 判断 510">
          <a:extLst>
            <a:ext uri="{FF2B5EF4-FFF2-40B4-BE49-F238E27FC236}">
              <a16:creationId xmlns:a16="http://schemas.microsoft.com/office/drawing/2014/main" id="{00000000-0008-0000-0600-0000FF010000}"/>
            </a:ext>
          </a:extLst>
        </xdr:cNvPr>
        <xdr:cNvSpPr/>
      </xdr:nvSpPr>
      <xdr:spPr>
        <a:xfrm>
          <a:off x="16268700" y="6549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63017</xdr:rowOff>
    </xdr:from>
    <xdr:to>
      <xdr:col>81</xdr:col>
      <xdr:colOff>50800</xdr:colOff>
      <xdr:row>39</xdr:row>
      <xdr:rowOff>36811</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4592300" y="6678117"/>
          <a:ext cx="889000" cy="4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3427</xdr:rowOff>
    </xdr:from>
    <xdr:to>
      <xdr:col>81</xdr:col>
      <xdr:colOff>101600</xdr:colOff>
      <xdr:row>38</xdr:row>
      <xdr:rowOff>135027</xdr:rowOff>
    </xdr:to>
    <xdr:sp macro="" textlink="">
      <xdr:nvSpPr>
        <xdr:cNvPr id="513" name="フローチャート: 判断 512">
          <a:extLst>
            <a:ext uri="{FF2B5EF4-FFF2-40B4-BE49-F238E27FC236}">
              <a16:creationId xmlns:a16="http://schemas.microsoft.com/office/drawing/2014/main" id="{00000000-0008-0000-0600-000001020000}"/>
            </a:ext>
          </a:extLst>
        </xdr:cNvPr>
        <xdr:cNvSpPr/>
      </xdr:nvSpPr>
      <xdr:spPr>
        <a:xfrm>
          <a:off x="15430500" y="654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1553</xdr:rowOff>
    </xdr:from>
    <xdr:ext cx="469744"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5246428" y="6323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63017</xdr:rowOff>
    </xdr:from>
    <xdr:to>
      <xdr:col>76</xdr:col>
      <xdr:colOff>114300</xdr:colOff>
      <xdr:row>39</xdr:row>
      <xdr:rowOff>17152</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flipV="1">
          <a:off x="13703300" y="6678117"/>
          <a:ext cx="889000" cy="25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5125</xdr:rowOff>
    </xdr:from>
    <xdr:to>
      <xdr:col>76</xdr:col>
      <xdr:colOff>165100</xdr:colOff>
      <xdr:row>38</xdr:row>
      <xdr:rowOff>166725</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4541500" y="658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1802</xdr:rowOff>
    </xdr:from>
    <xdr:ext cx="469744"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4357428" y="6355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17152</xdr:rowOff>
    </xdr:from>
    <xdr:to>
      <xdr:col>71</xdr:col>
      <xdr:colOff>177800</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2814300" y="6703702"/>
          <a:ext cx="889000" cy="27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0589</xdr:rowOff>
    </xdr:from>
    <xdr:to>
      <xdr:col>72</xdr:col>
      <xdr:colOff>38100</xdr:colOff>
      <xdr:row>38</xdr:row>
      <xdr:rowOff>142189</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3652500" y="655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58716</xdr:rowOff>
    </xdr:from>
    <xdr:ext cx="469744"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3468428" y="6330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5717</xdr:rowOff>
    </xdr:from>
    <xdr:to>
      <xdr:col>67</xdr:col>
      <xdr:colOff>101600</xdr:colOff>
      <xdr:row>39</xdr:row>
      <xdr:rowOff>5867</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2763500" y="6590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22394</xdr:rowOff>
    </xdr:from>
    <xdr:ext cx="469744"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2579428" y="6366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28" name="楕円 527">
          <a:extLst>
            <a:ext uri="{FF2B5EF4-FFF2-40B4-BE49-F238E27FC236}">
              <a16:creationId xmlns:a16="http://schemas.microsoft.com/office/drawing/2014/main" id="{00000000-0008-0000-0600-000010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29" name="災害復旧事業費該当値テキスト">
          <a:extLst>
            <a:ext uri="{FF2B5EF4-FFF2-40B4-BE49-F238E27FC236}">
              <a16:creationId xmlns:a16="http://schemas.microsoft.com/office/drawing/2014/main" id="{00000000-0008-0000-0600-000011020000}"/>
            </a:ext>
          </a:extLst>
        </xdr:cNvPr>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7461</xdr:rowOff>
    </xdr:from>
    <xdr:to>
      <xdr:col>81</xdr:col>
      <xdr:colOff>101600</xdr:colOff>
      <xdr:row>39</xdr:row>
      <xdr:rowOff>87611</xdr:rowOff>
    </xdr:to>
    <xdr:sp macro="" textlink="">
      <xdr:nvSpPr>
        <xdr:cNvPr id="530" name="楕円 529">
          <a:extLst>
            <a:ext uri="{FF2B5EF4-FFF2-40B4-BE49-F238E27FC236}">
              <a16:creationId xmlns:a16="http://schemas.microsoft.com/office/drawing/2014/main" id="{00000000-0008-0000-0600-000012020000}"/>
            </a:ext>
          </a:extLst>
        </xdr:cNvPr>
        <xdr:cNvSpPr/>
      </xdr:nvSpPr>
      <xdr:spPr>
        <a:xfrm>
          <a:off x="15430500" y="6672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8738</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5292017" y="67652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12217</xdr:rowOff>
    </xdr:from>
    <xdr:to>
      <xdr:col>76</xdr:col>
      <xdr:colOff>165100</xdr:colOff>
      <xdr:row>39</xdr:row>
      <xdr:rowOff>42367</xdr:rowOff>
    </xdr:to>
    <xdr:sp macro="" textlink="">
      <xdr:nvSpPr>
        <xdr:cNvPr id="532" name="楕円 531">
          <a:extLst>
            <a:ext uri="{FF2B5EF4-FFF2-40B4-BE49-F238E27FC236}">
              <a16:creationId xmlns:a16="http://schemas.microsoft.com/office/drawing/2014/main" id="{00000000-0008-0000-0600-000014020000}"/>
            </a:ext>
          </a:extLst>
        </xdr:cNvPr>
        <xdr:cNvSpPr/>
      </xdr:nvSpPr>
      <xdr:spPr>
        <a:xfrm>
          <a:off x="14541500" y="6627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33494</xdr:rowOff>
    </xdr:from>
    <xdr:ext cx="469744"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4357428" y="6720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37802</xdr:rowOff>
    </xdr:from>
    <xdr:to>
      <xdr:col>72</xdr:col>
      <xdr:colOff>38100</xdr:colOff>
      <xdr:row>39</xdr:row>
      <xdr:rowOff>67952</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3652500" y="6652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59079</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468428" y="6745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8" name="正方形/長方形 537">
          <a:extLst>
            <a:ext uri="{FF2B5EF4-FFF2-40B4-BE49-F238E27FC236}">
              <a16:creationId xmlns:a16="http://schemas.microsoft.com/office/drawing/2014/main" id="{00000000-0008-0000-0600-00001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9" name="正方形/長方形 538">
          <a:extLst>
            <a:ext uri="{FF2B5EF4-FFF2-40B4-BE49-F238E27FC236}">
              <a16:creationId xmlns:a16="http://schemas.microsoft.com/office/drawing/2014/main" id="{00000000-0008-0000-0600-00001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0" name="正方形/長方形 539">
          <a:extLst>
            <a:ext uri="{FF2B5EF4-FFF2-40B4-BE49-F238E27FC236}">
              <a16:creationId xmlns:a16="http://schemas.microsoft.com/office/drawing/2014/main" id="{00000000-0008-0000-0600-00001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1" name="正方形/長方形 540">
          <a:extLst>
            <a:ext uri="{FF2B5EF4-FFF2-40B4-BE49-F238E27FC236}">
              <a16:creationId xmlns:a16="http://schemas.microsoft.com/office/drawing/2014/main" id="{00000000-0008-0000-0600-00001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2" name="正方形/長方形 541">
          <a:extLst>
            <a:ext uri="{FF2B5EF4-FFF2-40B4-BE49-F238E27FC236}">
              <a16:creationId xmlns:a16="http://schemas.microsoft.com/office/drawing/2014/main" id="{00000000-0008-0000-0600-00001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7" name="直線コネクタ 546">
          <a:extLst>
            <a:ext uri="{FF2B5EF4-FFF2-40B4-BE49-F238E27FC236}">
              <a16:creationId xmlns:a16="http://schemas.microsoft.com/office/drawing/2014/main" id="{00000000-0008-0000-0600-00002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48" name="直線コネクタ 547">
          <a:extLst>
            <a:ext uri="{FF2B5EF4-FFF2-40B4-BE49-F238E27FC236}">
              <a16:creationId xmlns:a16="http://schemas.microsoft.com/office/drawing/2014/main" id="{00000000-0008-0000-0600-000024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0" name="直線コネクタ 549">
          <a:extLst>
            <a:ext uri="{FF2B5EF4-FFF2-40B4-BE49-F238E27FC236}">
              <a16:creationId xmlns:a16="http://schemas.microsoft.com/office/drawing/2014/main" id="{00000000-0008-0000-0600-00002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2" name="失業対策事業費グラフ枠">
          <a:extLst>
            <a:ext uri="{FF2B5EF4-FFF2-40B4-BE49-F238E27FC236}">
              <a16:creationId xmlns:a16="http://schemas.microsoft.com/office/drawing/2014/main" id="{00000000-0008-0000-0600-00002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4" name="失業対策事業費最小値テキスト">
          <a:extLst>
            <a:ext uri="{FF2B5EF4-FFF2-40B4-BE49-F238E27FC236}">
              <a16:creationId xmlns:a16="http://schemas.microsoft.com/office/drawing/2014/main" id="{00000000-0008-0000-0600-00002A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6" name="失業対策事業費最大値テキスト">
          <a:extLst>
            <a:ext uri="{FF2B5EF4-FFF2-40B4-BE49-F238E27FC236}">
              <a16:creationId xmlns:a16="http://schemas.microsoft.com/office/drawing/2014/main" id="{00000000-0008-0000-0600-00002C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59" name="失業対策事業費平均値テキスト">
          <a:extLst>
            <a:ext uri="{FF2B5EF4-FFF2-40B4-BE49-F238E27FC236}">
              <a16:creationId xmlns:a16="http://schemas.microsoft.com/office/drawing/2014/main" id="{00000000-0008-0000-0600-00002F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0" name="フローチャート: 判断 559">
          <a:extLst>
            <a:ext uri="{FF2B5EF4-FFF2-40B4-BE49-F238E27FC236}">
              <a16:creationId xmlns:a16="http://schemas.microsoft.com/office/drawing/2014/main" id="{00000000-0008-0000-0600-000030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2" name="フローチャート: 判断 561">
          <a:extLst>
            <a:ext uri="{FF2B5EF4-FFF2-40B4-BE49-F238E27FC236}">
              <a16:creationId xmlns:a16="http://schemas.microsoft.com/office/drawing/2014/main" id="{00000000-0008-0000-0600-000032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楕円 576">
          <a:extLst>
            <a:ext uri="{FF2B5EF4-FFF2-40B4-BE49-F238E27FC236}">
              <a16:creationId xmlns:a16="http://schemas.microsoft.com/office/drawing/2014/main" id="{00000000-0008-0000-0600-000041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78" name="失業対策事業費該当値テキスト">
          <a:extLst>
            <a:ext uri="{FF2B5EF4-FFF2-40B4-BE49-F238E27FC236}">
              <a16:creationId xmlns:a16="http://schemas.microsoft.com/office/drawing/2014/main" id="{00000000-0008-0000-0600-000042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79" name="楕円 578">
          <a:extLst>
            <a:ext uri="{FF2B5EF4-FFF2-40B4-BE49-F238E27FC236}">
              <a16:creationId xmlns:a16="http://schemas.microsoft.com/office/drawing/2014/main" id="{00000000-0008-0000-0600-000043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1" name="楕円 580">
          <a:extLst>
            <a:ext uri="{FF2B5EF4-FFF2-40B4-BE49-F238E27FC236}">
              <a16:creationId xmlns:a16="http://schemas.microsoft.com/office/drawing/2014/main" id="{00000000-0008-0000-0600-000045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7" name="正方形/長方形 586">
          <a:extLst>
            <a:ext uri="{FF2B5EF4-FFF2-40B4-BE49-F238E27FC236}">
              <a16:creationId xmlns:a16="http://schemas.microsoft.com/office/drawing/2014/main" id="{00000000-0008-0000-0600-00004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8" name="正方形/長方形 587">
          <a:extLst>
            <a:ext uri="{FF2B5EF4-FFF2-40B4-BE49-F238E27FC236}">
              <a16:creationId xmlns:a16="http://schemas.microsoft.com/office/drawing/2014/main" id="{00000000-0008-0000-0600-00004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89" name="正方形/長方形 588">
          <a:extLst>
            <a:ext uri="{FF2B5EF4-FFF2-40B4-BE49-F238E27FC236}">
              <a16:creationId xmlns:a16="http://schemas.microsoft.com/office/drawing/2014/main" id="{00000000-0008-0000-0600-00004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0" name="正方形/長方形 589">
          <a:extLst>
            <a:ext uri="{FF2B5EF4-FFF2-40B4-BE49-F238E27FC236}">
              <a16:creationId xmlns:a16="http://schemas.microsoft.com/office/drawing/2014/main" id="{00000000-0008-0000-0600-00004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1" name="正方形/長方形 590">
          <a:extLst>
            <a:ext uri="{FF2B5EF4-FFF2-40B4-BE49-F238E27FC236}">
              <a16:creationId xmlns:a16="http://schemas.microsoft.com/office/drawing/2014/main" id="{00000000-0008-0000-0600-00004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6" name="直線コネクタ 595">
          <a:extLst>
            <a:ext uri="{FF2B5EF4-FFF2-40B4-BE49-F238E27FC236}">
              <a16:creationId xmlns:a16="http://schemas.microsoft.com/office/drawing/2014/main" id="{00000000-0008-0000-0600-00005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597" name="直線コネクタ 596">
          <a:extLst>
            <a:ext uri="{FF2B5EF4-FFF2-40B4-BE49-F238E27FC236}">
              <a16:creationId xmlns:a16="http://schemas.microsoft.com/office/drawing/2014/main" id="{00000000-0008-0000-0600-00005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599" name="直線コネクタ 598">
          <a:extLst>
            <a:ext uri="{FF2B5EF4-FFF2-40B4-BE49-F238E27FC236}">
              <a16:creationId xmlns:a16="http://schemas.microsoft.com/office/drawing/2014/main" id="{00000000-0008-0000-0600-00005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09" name="公債費グラフ枠">
          <a:extLst>
            <a:ext uri="{FF2B5EF4-FFF2-40B4-BE49-F238E27FC236}">
              <a16:creationId xmlns:a16="http://schemas.microsoft.com/office/drawing/2014/main" id="{00000000-0008-0000-0600-00006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76858</xdr:rowOff>
    </xdr:from>
    <xdr:to>
      <xdr:col>85</xdr:col>
      <xdr:colOff>126364</xdr:colOff>
      <xdr:row>79</xdr:row>
      <xdr:rowOff>11768</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flipV="1">
          <a:off x="16317595" y="12249808"/>
          <a:ext cx="1269" cy="1306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5595</xdr:rowOff>
    </xdr:from>
    <xdr:ext cx="469744" cy="259045"/>
    <xdr:sp macro="" textlink="">
      <xdr:nvSpPr>
        <xdr:cNvPr id="611" name="公債費最小値テキスト">
          <a:extLst>
            <a:ext uri="{FF2B5EF4-FFF2-40B4-BE49-F238E27FC236}">
              <a16:creationId xmlns:a16="http://schemas.microsoft.com/office/drawing/2014/main" id="{00000000-0008-0000-0600-000063020000}"/>
            </a:ext>
          </a:extLst>
        </xdr:cNvPr>
        <xdr:cNvSpPr txBox="1"/>
      </xdr:nvSpPr>
      <xdr:spPr>
        <a:xfrm>
          <a:off x="16370300" y="1356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1768</xdr:rowOff>
    </xdr:from>
    <xdr:to>
      <xdr:col>86</xdr:col>
      <xdr:colOff>25400</xdr:colOff>
      <xdr:row>79</xdr:row>
      <xdr:rowOff>11768</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6230600" y="13556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23535</xdr:rowOff>
    </xdr:from>
    <xdr:ext cx="599010" cy="259045"/>
    <xdr:sp macro="" textlink="">
      <xdr:nvSpPr>
        <xdr:cNvPr id="613" name="公債費最大値テキスト">
          <a:extLst>
            <a:ext uri="{FF2B5EF4-FFF2-40B4-BE49-F238E27FC236}">
              <a16:creationId xmlns:a16="http://schemas.microsoft.com/office/drawing/2014/main" id="{00000000-0008-0000-0600-000065020000}"/>
            </a:ext>
          </a:extLst>
        </xdr:cNvPr>
        <xdr:cNvSpPr txBox="1"/>
      </xdr:nvSpPr>
      <xdr:spPr>
        <a:xfrm>
          <a:off x="16370300" y="12025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76858</xdr:rowOff>
    </xdr:from>
    <xdr:to>
      <xdr:col>86</xdr:col>
      <xdr:colOff>25400</xdr:colOff>
      <xdr:row>71</xdr:row>
      <xdr:rowOff>76858</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6230600" y="12249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9701</xdr:rowOff>
    </xdr:from>
    <xdr:to>
      <xdr:col>85</xdr:col>
      <xdr:colOff>127000</xdr:colOff>
      <xdr:row>77</xdr:row>
      <xdr:rowOff>104267</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5481300" y="13281351"/>
          <a:ext cx="838200" cy="24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49902</xdr:rowOff>
    </xdr:from>
    <xdr:ext cx="534377" cy="259045"/>
    <xdr:sp macro="" textlink="">
      <xdr:nvSpPr>
        <xdr:cNvPr id="616" name="公債費平均値テキスト">
          <a:extLst>
            <a:ext uri="{FF2B5EF4-FFF2-40B4-BE49-F238E27FC236}">
              <a16:creationId xmlns:a16="http://schemas.microsoft.com/office/drawing/2014/main" id="{00000000-0008-0000-0600-000068020000}"/>
            </a:ext>
          </a:extLst>
        </xdr:cNvPr>
        <xdr:cNvSpPr txBox="1"/>
      </xdr:nvSpPr>
      <xdr:spPr>
        <a:xfrm>
          <a:off x="16370300" y="129086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7026</xdr:rowOff>
    </xdr:from>
    <xdr:to>
      <xdr:col>85</xdr:col>
      <xdr:colOff>177800</xdr:colOff>
      <xdr:row>76</xdr:row>
      <xdr:rowOff>128626</xdr:rowOff>
    </xdr:to>
    <xdr:sp macro="" textlink="">
      <xdr:nvSpPr>
        <xdr:cNvPr id="617" name="フローチャート: 判断 616">
          <a:extLst>
            <a:ext uri="{FF2B5EF4-FFF2-40B4-BE49-F238E27FC236}">
              <a16:creationId xmlns:a16="http://schemas.microsoft.com/office/drawing/2014/main" id="{00000000-0008-0000-0600-000069020000}"/>
            </a:ext>
          </a:extLst>
        </xdr:cNvPr>
        <xdr:cNvSpPr/>
      </xdr:nvSpPr>
      <xdr:spPr>
        <a:xfrm>
          <a:off x="16268700" y="1305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04267</xdr:rowOff>
    </xdr:from>
    <xdr:to>
      <xdr:col>81</xdr:col>
      <xdr:colOff>50800</xdr:colOff>
      <xdr:row>77</xdr:row>
      <xdr:rowOff>11703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4592300" y="13305917"/>
          <a:ext cx="889000" cy="12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316</xdr:rowOff>
    </xdr:from>
    <xdr:to>
      <xdr:col>81</xdr:col>
      <xdr:colOff>101600</xdr:colOff>
      <xdr:row>76</xdr:row>
      <xdr:rowOff>153916</xdr:rowOff>
    </xdr:to>
    <xdr:sp macro="" textlink="">
      <xdr:nvSpPr>
        <xdr:cNvPr id="619" name="フローチャート: 判断 618">
          <a:extLst>
            <a:ext uri="{FF2B5EF4-FFF2-40B4-BE49-F238E27FC236}">
              <a16:creationId xmlns:a16="http://schemas.microsoft.com/office/drawing/2014/main" id="{00000000-0008-0000-0600-00006B020000}"/>
            </a:ext>
          </a:extLst>
        </xdr:cNvPr>
        <xdr:cNvSpPr/>
      </xdr:nvSpPr>
      <xdr:spPr>
        <a:xfrm>
          <a:off x="15430500" y="13082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443</xdr:rowOff>
    </xdr:from>
    <xdr:ext cx="534377"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5214111" y="12857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7030</xdr:rowOff>
    </xdr:from>
    <xdr:to>
      <xdr:col>76</xdr:col>
      <xdr:colOff>114300</xdr:colOff>
      <xdr:row>77</xdr:row>
      <xdr:rowOff>14774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3703300" y="13318680"/>
          <a:ext cx="8890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66810</xdr:rowOff>
    </xdr:from>
    <xdr:to>
      <xdr:col>76</xdr:col>
      <xdr:colOff>165100</xdr:colOff>
      <xdr:row>76</xdr:row>
      <xdr:rowOff>168410</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4541500" y="1309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3487</xdr:rowOff>
    </xdr:from>
    <xdr:ext cx="534377"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4325111" y="12872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7871</xdr:rowOff>
    </xdr:from>
    <xdr:to>
      <xdr:col>71</xdr:col>
      <xdr:colOff>177800</xdr:colOff>
      <xdr:row>77</xdr:row>
      <xdr:rowOff>14774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814300" y="13339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96101</xdr:rowOff>
    </xdr:from>
    <xdr:to>
      <xdr:col>72</xdr:col>
      <xdr:colOff>38100</xdr:colOff>
      <xdr:row>77</xdr:row>
      <xdr:rowOff>26251</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3652500" y="13126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42778</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3436111" y="12901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9048</xdr:rowOff>
    </xdr:from>
    <xdr:to>
      <xdr:col>67</xdr:col>
      <xdr:colOff>101600</xdr:colOff>
      <xdr:row>77</xdr:row>
      <xdr:rowOff>3919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27635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5725</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2547111" y="12914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8901</xdr:rowOff>
    </xdr:from>
    <xdr:to>
      <xdr:col>85</xdr:col>
      <xdr:colOff>177800</xdr:colOff>
      <xdr:row>77</xdr:row>
      <xdr:rowOff>130501</xdr:rowOff>
    </xdr:to>
    <xdr:sp macro="" textlink="">
      <xdr:nvSpPr>
        <xdr:cNvPr id="634" name="楕円 633">
          <a:extLst>
            <a:ext uri="{FF2B5EF4-FFF2-40B4-BE49-F238E27FC236}">
              <a16:creationId xmlns:a16="http://schemas.microsoft.com/office/drawing/2014/main" id="{00000000-0008-0000-0600-00007A020000}"/>
            </a:ext>
          </a:extLst>
        </xdr:cNvPr>
        <xdr:cNvSpPr/>
      </xdr:nvSpPr>
      <xdr:spPr>
        <a:xfrm>
          <a:off x="16268700" y="13230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7328</xdr:rowOff>
    </xdr:from>
    <xdr:ext cx="534377" cy="259045"/>
    <xdr:sp macro="" textlink="">
      <xdr:nvSpPr>
        <xdr:cNvPr id="635" name="公債費該当値テキスト">
          <a:extLst>
            <a:ext uri="{FF2B5EF4-FFF2-40B4-BE49-F238E27FC236}">
              <a16:creationId xmlns:a16="http://schemas.microsoft.com/office/drawing/2014/main" id="{00000000-0008-0000-0600-00007B020000}"/>
            </a:ext>
          </a:extLst>
        </xdr:cNvPr>
        <xdr:cNvSpPr txBox="1"/>
      </xdr:nvSpPr>
      <xdr:spPr>
        <a:xfrm>
          <a:off x="16370300" y="13208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53467</xdr:rowOff>
    </xdr:from>
    <xdr:to>
      <xdr:col>81</xdr:col>
      <xdr:colOff>101600</xdr:colOff>
      <xdr:row>77</xdr:row>
      <xdr:rowOff>155067</xdr:rowOff>
    </xdr:to>
    <xdr:sp macro="" textlink="">
      <xdr:nvSpPr>
        <xdr:cNvPr id="636" name="楕円 635">
          <a:extLst>
            <a:ext uri="{FF2B5EF4-FFF2-40B4-BE49-F238E27FC236}">
              <a16:creationId xmlns:a16="http://schemas.microsoft.com/office/drawing/2014/main" id="{00000000-0008-0000-0600-00007C020000}"/>
            </a:ext>
          </a:extLst>
        </xdr:cNvPr>
        <xdr:cNvSpPr/>
      </xdr:nvSpPr>
      <xdr:spPr>
        <a:xfrm>
          <a:off x="15430500" y="13255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46194</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14111" y="13347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66230</xdr:rowOff>
    </xdr:from>
    <xdr:to>
      <xdr:col>76</xdr:col>
      <xdr:colOff>165100</xdr:colOff>
      <xdr:row>77</xdr:row>
      <xdr:rowOff>167830</xdr:rowOff>
    </xdr:to>
    <xdr:sp macro="" textlink="">
      <xdr:nvSpPr>
        <xdr:cNvPr id="638" name="楕円 637">
          <a:extLst>
            <a:ext uri="{FF2B5EF4-FFF2-40B4-BE49-F238E27FC236}">
              <a16:creationId xmlns:a16="http://schemas.microsoft.com/office/drawing/2014/main" id="{00000000-0008-0000-0600-00007E020000}"/>
            </a:ext>
          </a:extLst>
        </xdr:cNvPr>
        <xdr:cNvSpPr/>
      </xdr:nvSpPr>
      <xdr:spPr>
        <a:xfrm>
          <a:off x="14541500" y="1326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58957</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325111" y="13360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6940</xdr:rowOff>
    </xdr:from>
    <xdr:to>
      <xdr:col>72</xdr:col>
      <xdr:colOff>38100</xdr:colOff>
      <xdr:row>78</xdr:row>
      <xdr:rowOff>27090</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3652500" y="13298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8217</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3436111" y="13391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87071</xdr:rowOff>
    </xdr:from>
    <xdr:to>
      <xdr:col>67</xdr:col>
      <xdr:colOff>101600</xdr:colOff>
      <xdr:row>78</xdr:row>
      <xdr:rowOff>17221</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2763500" y="13288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8348</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547111" y="1338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4" name="正方形/長方形 643">
          <a:extLst>
            <a:ext uri="{FF2B5EF4-FFF2-40B4-BE49-F238E27FC236}">
              <a16:creationId xmlns:a16="http://schemas.microsoft.com/office/drawing/2014/main" id="{00000000-0008-0000-0600-00008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5" name="正方形/長方形 644">
          <a:extLst>
            <a:ext uri="{FF2B5EF4-FFF2-40B4-BE49-F238E27FC236}">
              <a16:creationId xmlns:a16="http://schemas.microsoft.com/office/drawing/2014/main" id="{00000000-0008-0000-0600-00008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6" name="正方形/長方形 645">
          <a:extLst>
            <a:ext uri="{FF2B5EF4-FFF2-40B4-BE49-F238E27FC236}">
              <a16:creationId xmlns:a16="http://schemas.microsoft.com/office/drawing/2014/main" id="{00000000-0008-0000-0600-00008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3" name="直線コネクタ 652">
          <a:extLst>
            <a:ext uri="{FF2B5EF4-FFF2-40B4-BE49-F238E27FC236}">
              <a16:creationId xmlns:a16="http://schemas.microsoft.com/office/drawing/2014/main" id="{00000000-0008-0000-0600-00008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4" name="直線コネクタ 653">
          <a:extLst>
            <a:ext uri="{FF2B5EF4-FFF2-40B4-BE49-F238E27FC236}">
              <a16:creationId xmlns:a16="http://schemas.microsoft.com/office/drawing/2014/main" id="{00000000-0008-0000-0600-00008E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56" name="直線コネクタ 655">
          <a:extLst>
            <a:ext uri="{FF2B5EF4-FFF2-40B4-BE49-F238E27FC236}">
              <a16:creationId xmlns:a16="http://schemas.microsoft.com/office/drawing/2014/main" id="{00000000-0008-0000-0600-000090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4" name="積立金グラフ枠">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28532</xdr:rowOff>
    </xdr:from>
    <xdr:to>
      <xdr:col>85</xdr:col>
      <xdr:colOff>126364</xdr:colOff>
      <xdr:row>98</xdr:row>
      <xdr:rowOff>130652</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flipV="1">
          <a:off x="16317595" y="15801932"/>
          <a:ext cx="1269" cy="1130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4479</xdr:rowOff>
    </xdr:from>
    <xdr:ext cx="469744" cy="259045"/>
    <xdr:sp macro="" textlink="">
      <xdr:nvSpPr>
        <xdr:cNvPr id="666" name="積立金最小値テキスト">
          <a:extLst>
            <a:ext uri="{FF2B5EF4-FFF2-40B4-BE49-F238E27FC236}">
              <a16:creationId xmlns:a16="http://schemas.microsoft.com/office/drawing/2014/main" id="{00000000-0008-0000-0600-00009A020000}"/>
            </a:ext>
          </a:extLst>
        </xdr:cNvPr>
        <xdr:cNvSpPr txBox="1"/>
      </xdr:nvSpPr>
      <xdr:spPr>
        <a:xfrm>
          <a:off x="16370300" y="16936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0652</xdr:rowOff>
    </xdr:from>
    <xdr:to>
      <xdr:col>86</xdr:col>
      <xdr:colOff>25400</xdr:colOff>
      <xdr:row>98</xdr:row>
      <xdr:rowOff>130652</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6230600" y="16932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46659</xdr:rowOff>
    </xdr:from>
    <xdr:ext cx="599010" cy="259045"/>
    <xdr:sp macro="" textlink="">
      <xdr:nvSpPr>
        <xdr:cNvPr id="668" name="積立金最大値テキスト">
          <a:extLst>
            <a:ext uri="{FF2B5EF4-FFF2-40B4-BE49-F238E27FC236}">
              <a16:creationId xmlns:a16="http://schemas.microsoft.com/office/drawing/2014/main" id="{00000000-0008-0000-0600-00009C020000}"/>
            </a:ext>
          </a:extLst>
        </xdr:cNvPr>
        <xdr:cNvSpPr txBox="1"/>
      </xdr:nvSpPr>
      <xdr:spPr>
        <a:xfrm>
          <a:off x="16370300" y="15577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28532</xdr:rowOff>
    </xdr:from>
    <xdr:to>
      <xdr:col>86</xdr:col>
      <xdr:colOff>25400</xdr:colOff>
      <xdr:row>92</xdr:row>
      <xdr:rowOff>28532</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6230600" y="15801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3347</xdr:rowOff>
    </xdr:from>
    <xdr:to>
      <xdr:col>85</xdr:col>
      <xdr:colOff>127000</xdr:colOff>
      <xdr:row>97</xdr:row>
      <xdr:rowOff>155761</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5481300" y="16783997"/>
          <a:ext cx="838200" cy="2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0636</xdr:rowOff>
    </xdr:from>
    <xdr:ext cx="534377" cy="259045"/>
    <xdr:sp macro="" textlink="">
      <xdr:nvSpPr>
        <xdr:cNvPr id="671" name="積立金平均値テキスト">
          <a:extLst>
            <a:ext uri="{FF2B5EF4-FFF2-40B4-BE49-F238E27FC236}">
              <a16:creationId xmlns:a16="http://schemas.microsoft.com/office/drawing/2014/main" id="{00000000-0008-0000-0600-00009F020000}"/>
            </a:ext>
          </a:extLst>
        </xdr:cNvPr>
        <xdr:cNvSpPr txBox="1"/>
      </xdr:nvSpPr>
      <xdr:spPr>
        <a:xfrm>
          <a:off x="16370300" y="16549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7759</xdr:rowOff>
    </xdr:from>
    <xdr:to>
      <xdr:col>85</xdr:col>
      <xdr:colOff>177800</xdr:colOff>
      <xdr:row>97</xdr:row>
      <xdr:rowOff>169359</xdr:rowOff>
    </xdr:to>
    <xdr:sp macro="" textlink="">
      <xdr:nvSpPr>
        <xdr:cNvPr id="672" name="フローチャート: 判断 671">
          <a:extLst>
            <a:ext uri="{FF2B5EF4-FFF2-40B4-BE49-F238E27FC236}">
              <a16:creationId xmlns:a16="http://schemas.microsoft.com/office/drawing/2014/main" id="{00000000-0008-0000-0600-0000A0020000}"/>
            </a:ext>
          </a:extLst>
        </xdr:cNvPr>
        <xdr:cNvSpPr/>
      </xdr:nvSpPr>
      <xdr:spPr>
        <a:xfrm>
          <a:off x="16268700" y="16698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3351</xdr:rowOff>
    </xdr:from>
    <xdr:to>
      <xdr:col>81</xdr:col>
      <xdr:colOff>50800</xdr:colOff>
      <xdr:row>97</xdr:row>
      <xdr:rowOff>153347</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4592300" y="16744001"/>
          <a:ext cx="889000" cy="39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9521</xdr:rowOff>
    </xdr:from>
    <xdr:to>
      <xdr:col>81</xdr:col>
      <xdr:colOff>101600</xdr:colOff>
      <xdr:row>97</xdr:row>
      <xdr:rowOff>151121</xdr:rowOff>
    </xdr:to>
    <xdr:sp macro="" textlink="">
      <xdr:nvSpPr>
        <xdr:cNvPr id="674" name="フローチャート: 判断 673">
          <a:extLst>
            <a:ext uri="{FF2B5EF4-FFF2-40B4-BE49-F238E27FC236}">
              <a16:creationId xmlns:a16="http://schemas.microsoft.com/office/drawing/2014/main" id="{00000000-0008-0000-0600-0000A2020000}"/>
            </a:ext>
          </a:extLst>
        </xdr:cNvPr>
        <xdr:cNvSpPr/>
      </xdr:nvSpPr>
      <xdr:spPr>
        <a:xfrm>
          <a:off x="15430500" y="1668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7648</xdr:rowOff>
    </xdr:from>
    <xdr:ext cx="534377"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5214111" y="1645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3351</xdr:rowOff>
    </xdr:from>
    <xdr:to>
      <xdr:col>76</xdr:col>
      <xdr:colOff>114300</xdr:colOff>
      <xdr:row>98</xdr:row>
      <xdr:rowOff>125495</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flipV="1">
          <a:off x="13703300" y="16744001"/>
          <a:ext cx="889000" cy="183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5365</xdr:rowOff>
    </xdr:from>
    <xdr:to>
      <xdr:col>76</xdr:col>
      <xdr:colOff>165100</xdr:colOff>
      <xdr:row>98</xdr:row>
      <xdr:rowOff>65515</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4541500" y="16766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6642</xdr:rowOff>
    </xdr:from>
    <xdr:ext cx="534377"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4325111" y="16858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3196</xdr:rowOff>
    </xdr:from>
    <xdr:to>
      <xdr:col>71</xdr:col>
      <xdr:colOff>177800</xdr:colOff>
      <xdr:row>98</xdr:row>
      <xdr:rowOff>125495</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814300" y="16925296"/>
          <a:ext cx="889000" cy="2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2909</xdr:rowOff>
    </xdr:from>
    <xdr:to>
      <xdr:col>72</xdr:col>
      <xdr:colOff>38100</xdr:colOff>
      <xdr:row>98</xdr:row>
      <xdr:rowOff>73059</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3652500" y="16773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89586</xdr:rowOff>
    </xdr:from>
    <xdr:ext cx="534377"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3436111" y="1654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3650</xdr:rowOff>
    </xdr:from>
    <xdr:to>
      <xdr:col>67</xdr:col>
      <xdr:colOff>101600</xdr:colOff>
      <xdr:row>98</xdr:row>
      <xdr:rowOff>7380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2763500" y="167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032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2547111" y="16549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4961</xdr:rowOff>
    </xdr:from>
    <xdr:to>
      <xdr:col>85</xdr:col>
      <xdr:colOff>177800</xdr:colOff>
      <xdr:row>98</xdr:row>
      <xdr:rowOff>35111</xdr:rowOff>
    </xdr:to>
    <xdr:sp macro="" textlink="">
      <xdr:nvSpPr>
        <xdr:cNvPr id="689" name="楕円 688">
          <a:extLst>
            <a:ext uri="{FF2B5EF4-FFF2-40B4-BE49-F238E27FC236}">
              <a16:creationId xmlns:a16="http://schemas.microsoft.com/office/drawing/2014/main" id="{00000000-0008-0000-0600-0000B1020000}"/>
            </a:ext>
          </a:extLst>
        </xdr:cNvPr>
        <xdr:cNvSpPr/>
      </xdr:nvSpPr>
      <xdr:spPr>
        <a:xfrm>
          <a:off x="16268700" y="1673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83388</xdr:rowOff>
    </xdr:from>
    <xdr:ext cx="534377" cy="259045"/>
    <xdr:sp macro="" textlink="">
      <xdr:nvSpPr>
        <xdr:cNvPr id="690" name="積立金該当値テキスト">
          <a:extLst>
            <a:ext uri="{FF2B5EF4-FFF2-40B4-BE49-F238E27FC236}">
              <a16:creationId xmlns:a16="http://schemas.microsoft.com/office/drawing/2014/main" id="{00000000-0008-0000-0600-0000B2020000}"/>
            </a:ext>
          </a:extLst>
        </xdr:cNvPr>
        <xdr:cNvSpPr txBox="1"/>
      </xdr:nvSpPr>
      <xdr:spPr>
        <a:xfrm>
          <a:off x="16370300" y="16714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02547</xdr:rowOff>
    </xdr:from>
    <xdr:to>
      <xdr:col>81</xdr:col>
      <xdr:colOff>101600</xdr:colOff>
      <xdr:row>98</xdr:row>
      <xdr:rowOff>32697</xdr:rowOff>
    </xdr:to>
    <xdr:sp macro="" textlink="">
      <xdr:nvSpPr>
        <xdr:cNvPr id="691" name="楕円 690">
          <a:extLst>
            <a:ext uri="{FF2B5EF4-FFF2-40B4-BE49-F238E27FC236}">
              <a16:creationId xmlns:a16="http://schemas.microsoft.com/office/drawing/2014/main" id="{00000000-0008-0000-0600-0000B3020000}"/>
            </a:ext>
          </a:extLst>
        </xdr:cNvPr>
        <xdr:cNvSpPr/>
      </xdr:nvSpPr>
      <xdr:spPr>
        <a:xfrm>
          <a:off x="15430500" y="16733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3824</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14111" y="16825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2551</xdr:rowOff>
    </xdr:from>
    <xdr:to>
      <xdr:col>76</xdr:col>
      <xdr:colOff>165100</xdr:colOff>
      <xdr:row>97</xdr:row>
      <xdr:rowOff>164151</xdr:rowOff>
    </xdr:to>
    <xdr:sp macro="" textlink="">
      <xdr:nvSpPr>
        <xdr:cNvPr id="693" name="楕円 692">
          <a:extLst>
            <a:ext uri="{FF2B5EF4-FFF2-40B4-BE49-F238E27FC236}">
              <a16:creationId xmlns:a16="http://schemas.microsoft.com/office/drawing/2014/main" id="{00000000-0008-0000-0600-0000B5020000}"/>
            </a:ext>
          </a:extLst>
        </xdr:cNvPr>
        <xdr:cNvSpPr/>
      </xdr:nvSpPr>
      <xdr:spPr>
        <a:xfrm>
          <a:off x="14541500" y="16693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228</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325111" y="16468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4695</xdr:rowOff>
    </xdr:from>
    <xdr:to>
      <xdr:col>72</xdr:col>
      <xdr:colOff>38100</xdr:colOff>
      <xdr:row>99</xdr:row>
      <xdr:rowOff>4845</xdr:rowOff>
    </xdr:to>
    <xdr:sp macro="" textlink="">
      <xdr:nvSpPr>
        <xdr:cNvPr id="695" name="楕円 694">
          <a:extLst>
            <a:ext uri="{FF2B5EF4-FFF2-40B4-BE49-F238E27FC236}">
              <a16:creationId xmlns:a16="http://schemas.microsoft.com/office/drawing/2014/main" id="{00000000-0008-0000-0600-0000B7020000}"/>
            </a:ext>
          </a:extLst>
        </xdr:cNvPr>
        <xdr:cNvSpPr/>
      </xdr:nvSpPr>
      <xdr:spPr>
        <a:xfrm>
          <a:off x="13652500" y="16876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7422</xdr:rowOff>
    </xdr:from>
    <xdr:ext cx="469744"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468428" y="16969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2396</xdr:rowOff>
    </xdr:from>
    <xdr:to>
      <xdr:col>67</xdr:col>
      <xdr:colOff>101600</xdr:colOff>
      <xdr:row>99</xdr:row>
      <xdr:rowOff>2546</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2763500" y="16874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65123</xdr:rowOff>
    </xdr:from>
    <xdr:ext cx="469744"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579428" y="1696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699" name="正方形/長方形 698">
          <a:extLst>
            <a:ext uri="{FF2B5EF4-FFF2-40B4-BE49-F238E27FC236}">
              <a16:creationId xmlns:a16="http://schemas.microsoft.com/office/drawing/2014/main" id="{00000000-0008-0000-0600-0000B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0" name="正方形/長方形 699">
          <a:extLst>
            <a:ext uri="{FF2B5EF4-FFF2-40B4-BE49-F238E27FC236}">
              <a16:creationId xmlns:a16="http://schemas.microsoft.com/office/drawing/2014/main" id="{00000000-0008-0000-0600-0000B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1" name="正方形/長方形 700">
          <a:extLst>
            <a:ext uri="{FF2B5EF4-FFF2-40B4-BE49-F238E27FC236}">
              <a16:creationId xmlns:a16="http://schemas.microsoft.com/office/drawing/2014/main" id="{00000000-0008-0000-0600-0000B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2" name="正方形/長方形 701">
          <a:extLst>
            <a:ext uri="{FF2B5EF4-FFF2-40B4-BE49-F238E27FC236}">
              <a16:creationId xmlns:a16="http://schemas.microsoft.com/office/drawing/2014/main" id="{00000000-0008-0000-0600-0000B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3" name="正方形/長方形 702">
          <a:extLst>
            <a:ext uri="{FF2B5EF4-FFF2-40B4-BE49-F238E27FC236}">
              <a16:creationId xmlns:a16="http://schemas.microsoft.com/office/drawing/2014/main" id="{00000000-0008-0000-0600-0000B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08" name="直線コネクタ 707">
          <a:extLst>
            <a:ext uri="{FF2B5EF4-FFF2-40B4-BE49-F238E27FC236}">
              <a16:creationId xmlns:a16="http://schemas.microsoft.com/office/drawing/2014/main" id="{00000000-0008-0000-0600-0000C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09" name="直線コネクタ 708">
          <a:extLst>
            <a:ext uri="{FF2B5EF4-FFF2-40B4-BE49-F238E27FC236}">
              <a16:creationId xmlns:a16="http://schemas.microsoft.com/office/drawing/2014/main" id="{00000000-0008-0000-0600-0000C5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1" name="直線コネクタ 710">
          <a:extLst>
            <a:ext uri="{FF2B5EF4-FFF2-40B4-BE49-F238E27FC236}">
              <a16:creationId xmlns:a16="http://schemas.microsoft.com/office/drawing/2014/main" id="{00000000-0008-0000-0600-0000C7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1" name="投資及び出資金グラフ枠">
          <a:extLst>
            <a:ext uri="{FF2B5EF4-FFF2-40B4-BE49-F238E27FC236}">
              <a16:creationId xmlns:a16="http://schemas.microsoft.com/office/drawing/2014/main" id="{00000000-0008-0000-0600-0000D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41453</xdr:rowOff>
    </xdr:from>
    <xdr:to>
      <xdr:col>116</xdr:col>
      <xdr:colOff>62864</xdr:colOff>
      <xdr:row>39</xdr:row>
      <xdr:rowOff>444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flipV="1">
          <a:off x="22159595" y="5456403"/>
          <a:ext cx="1269" cy="1274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3" name="投資及び出資金最小値テキスト">
          <a:extLst>
            <a:ext uri="{FF2B5EF4-FFF2-40B4-BE49-F238E27FC236}">
              <a16:creationId xmlns:a16="http://schemas.microsoft.com/office/drawing/2014/main" id="{00000000-0008-0000-0600-0000D3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8130</xdr:rowOff>
    </xdr:from>
    <xdr:ext cx="534377" cy="259045"/>
    <xdr:sp macro="" textlink="">
      <xdr:nvSpPr>
        <xdr:cNvPr id="725" name="投資及び出資金最大値テキスト">
          <a:extLst>
            <a:ext uri="{FF2B5EF4-FFF2-40B4-BE49-F238E27FC236}">
              <a16:creationId xmlns:a16="http://schemas.microsoft.com/office/drawing/2014/main" id="{00000000-0008-0000-0600-0000D5020000}"/>
            </a:ext>
          </a:extLst>
        </xdr:cNvPr>
        <xdr:cNvSpPr txBox="1"/>
      </xdr:nvSpPr>
      <xdr:spPr>
        <a:xfrm>
          <a:off x="22212300" y="5231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41453</xdr:rowOff>
    </xdr:from>
    <xdr:to>
      <xdr:col>116</xdr:col>
      <xdr:colOff>152400</xdr:colOff>
      <xdr:row>31</xdr:row>
      <xdr:rowOff>141453</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22072600" y="5456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9123</xdr:rowOff>
    </xdr:from>
    <xdr:ext cx="469744" cy="259045"/>
    <xdr:sp macro="" textlink="">
      <xdr:nvSpPr>
        <xdr:cNvPr id="728" name="投資及び出資金平均値テキスト">
          <a:extLst>
            <a:ext uri="{FF2B5EF4-FFF2-40B4-BE49-F238E27FC236}">
              <a16:creationId xmlns:a16="http://schemas.microsoft.com/office/drawing/2014/main" id="{00000000-0008-0000-0600-0000D8020000}"/>
            </a:ext>
          </a:extLst>
        </xdr:cNvPr>
        <xdr:cNvSpPr txBox="1"/>
      </xdr:nvSpPr>
      <xdr:spPr>
        <a:xfrm>
          <a:off x="22212300" y="64027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246</xdr:rowOff>
    </xdr:from>
    <xdr:to>
      <xdr:col>116</xdr:col>
      <xdr:colOff>114300</xdr:colOff>
      <xdr:row>38</xdr:row>
      <xdr:rowOff>137846</xdr:rowOff>
    </xdr:to>
    <xdr:sp macro="" textlink="">
      <xdr:nvSpPr>
        <xdr:cNvPr id="729" name="フローチャート: 判断 728">
          <a:extLst>
            <a:ext uri="{FF2B5EF4-FFF2-40B4-BE49-F238E27FC236}">
              <a16:creationId xmlns:a16="http://schemas.microsoft.com/office/drawing/2014/main" id="{00000000-0008-0000-0600-0000D9020000}"/>
            </a:ext>
          </a:extLst>
        </xdr:cNvPr>
        <xdr:cNvSpPr/>
      </xdr:nvSpPr>
      <xdr:spPr>
        <a:xfrm>
          <a:off x="22110700" y="655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814</xdr:rowOff>
    </xdr:from>
    <xdr:to>
      <xdr:col>112</xdr:col>
      <xdr:colOff>38100</xdr:colOff>
      <xdr:row>38</xdr:row>
      <xdr:rowOff>118414</xdr:rowOff>
    </xdr:to>
    <xdr:sp macro="" textlink="">
      <xdr:nvSpPr>
        <xdr:cNvPr id="731" name="フローチャート: 判断 730">
          <a:extLst>
            <a:ext uri="{FF2B5EF4-FFF2-40B4-BE49-F238E27FC236}">
              <a16:creationId xmlns:a16="http://schemas.microsoft.com/office/drawing/2014/main" id="{00000000-0008-0000-0600-0000DB020000}"/>
            </a:ext>
          </a:extLst>
        </xdr:cNvPr>
        <xdr:cNvSpPr/>
      </xdr:nvSpPr>
      <xdr:spPr>
        <a:xfrm>
          <a:off x="21272500" y="653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4942</xdr:rowOff>
    </xdr:from>
    <xdr:ext cx="469744"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21088428" y="630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70</xdr:rowOff>
    </xdr:from>
    <xdr:to>
      <xdr:col>107</xdr:col>
      <xdr:colOff>101600</xdr:colOff>
      <xdr:row>38</xdr:row>
      <xdr:rowOff>102870</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0383500" y="6516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19397</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0199428" y="6291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2204</xdr:rowOff>
    </xdr:from>
    <xdr:to>
      <xdr:col>102</xdr:col>
      <xdr:colOff>165100</xdr:colOff>
      <xdr:row>38</xdr:row>
      <xdr:rowOff>92354</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19494500" y="6505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881</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9310428" y="6281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3723</xdr:rowOff>
    </xdr:from>
    <xdr:to>
      <xdr:col>98</xdr:col>
      <xdr:colOff>38100</xdr:colOff>
      <xdr:row>38</xdr:row>
      <xdr:rowOff>53873</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18605500" y="6467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70400</xdr:rowOff>
    </xdr:from>
    <xdr:ext cx="469744"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8421428" y="6242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46" name="楕円 745">
          <a:extLst>
            <a:ext uri="{FF2B5EF4-FFF2-40B4-BE49-F238E27FC236}">
              <a16:creationId xmlns:a16="http://schemas.microsoft.com/office/drawing/2014/main" id="{00000000-0008-0000-0600-0000EA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47" name="投資及び出資金該当値テキスト">
          <a:extLst>
            <a:ext uri="{FF2B5EF4-FFF2-40B4-BE49-F238E27FC236}">
              <a16:creationId xmlns:a16="http://schemas.microsoft.com/office/drawing/2014/main" id="{00000000-0008-0000-0600-0000EB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48" name="楕円 747">
          <a:extLst>
            <a:ext uri="{FF2B5EF4-FFF2-40B4-BE49-F238E27FC236}">
              <a16:creationId xmlns:a16="http://schemas.microsoft.com/office/drawing/2014/main" id="{00000000-0008-0000-0600-0000EC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0" name="楕円 749">
          <a:extLst>
            <a:ext uri="{FF2B5EF4-FFF2-40B4-BE49-F238E27FC236}">
              <a16:creationId xmlns:a16="http://schemas.microsoft.com/office/drawing/2014/main" id="{00000000-0008-0000-0600-0000EE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6" name="正方形/長方形 755">
          <a:extLst>
            <a:ext uri="{FF2B5EF4-FFF2-40B4-BE49-F238E27FC236}">
              <a16:creationId xmlns:a16="http://schemas.microsoft.com/office/drawing/2014/main" id="{00000000-0008-0000-0600-0000F4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57" name="正方形/長方形 756">
          <a:extLst>
            <a:ext uri="{FF2B5EF4-FFF2-40B4-BE49-F238E27FC236}">
              <a16:creationId xmlns:a16="http://schemas.microsoft.com/office/drawing/2014/main" id="{00000000-0008-0000-0600-0000F5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58" name="正方形/長方形 757">
          <a:extLst>
            <a:ext uri="{FF2B5EF4-FFF2-40B4-BE49-F238E27FC236}">
              <a16:creationId xmlns:a16="http://schemas.microsoft.com/office/drawing/2014/main" id="{00000000-0008-0000-0600-0000F6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5" name="直線コネクタ 764">
          <a:extLst>
            <a:ext uri="{FF2B5EF4-FFF2-40B4-BE49-F238E27FC236}">
              <a16:creationId xmlns:a16="http://schemas.microsoft.com/office/drawing/2014/main" id="{00000000-0008-0000-0600-0000FD02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66" name="直線コネクタ 765">
          <a:extLst>
            <a:ext uri="{FF2B5EF4-FFF2-40B4-BE49-F238E27FC236}">
              <a16:creationId xmlns:a16="http://schemas.microsoft.com/office/drawing/2014/main" id="{00000000-0008-0000-0600-0000FE02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0" name="直線コネクタ 769">
          <a:extLst>
            <a:ext uri="{FF2B5EF4-FFF2-40B4-BE49-F238E27FC236}">
              <a16:creationId xmlns:a16="http://schemas.microsoft.com/office/drawing/2014/main" id="{00000000-0008-0000-0600-000002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6" name="貸付金グラフ枠">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1183</xdr:rowOff>
    </xdr:from>
    <xdr:to>
      <xdr:col>116</xdr:col>
      <xdr:colOff>62864</xdr:colOff>
      <xdr:row>58</xdr:row>
      <xdr:rowOff>13970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flipV="1">
          <a:off x="22159595" y="8865133"/>
          <a:ext cx="1269" cy="12186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78" name="貸付金最小値テキスト">
          <a:extLst>
            <a:ext uri="{FF2B5EF4-FFF2-40B4-BE49-F238E27FC236}">
              <a16:creationId xmlns:a16="http://schemas.microsoft.com/office/drawing/2014/main" id="{00000000-0008-0000-0600-00000A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67860</xdr:rowOff>
    </xdr:from>
    <xdr:ext cx="534377" cy="259045"/>
    <xdr:sp macro="" textlink="">
      <xdr:nvSpPr>
        <xdr:cNvPr id="780" name="貸付金最大値テキスト">
          <a:extLst>
            <a:ext uri="{FF2B5EF4-FFF2-40B4-BE49-F238E27FC236}">
              <a16:creationId xmlns:a16="http://schemas.microsoft.com/office/drawing/2014/main" id="{00000000-0008-0000-0600-00000C030000}"/>
            </a:ext>
          </a:extLst>
        </xdr:cNvPr>
        <xdr:cNvSpPr txBox="1"/>
      </xdr:nvSpPr>
      <xdr:spPr>
        <a:xfrm>
          <a:off x="22212300" y="8640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1183</xdr:rowOff>
    </xdr:from>
    <xdr:to>
      <xdr:col>116</xdr:col>
      <xdr:colOff>152400</xdr:colOff>
      <xdr:row>51</xdr:row>
      <xdr:rowOff>121183</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22072600" y="8865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4818</xdr:rowOff>
    </xdr:from>
    <xdr:to>
      <xdr:col>116</xdr:col>
      <xdr:colOff>63500</xdr:colOff>
      <xdr:row>58</xdr:row>
      <xdr:rowOff>128933</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21323300" y="10068918"/>
          <a:ext cx="8382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6100</xdr:rowOff>
    </xdr:from>
    <xdr:ext cx="469744" cy="259045"/>
    <xdr:sp macro="" textlink="">
      <xdr:nvSpPr>
        <xdr:cNvPr id="783" name="貸付金平均値テキスト">
          <a:extLst>
            <a:ext uri="{FF2B5EF4-FFF2-40B4-BE49-F238E27FC236}">
              <a16:creationId xmlns:a16="http://schemas.microsoft.com/office/drawing/2014/main" id="{00000000-0008-0000-0600-00000F030000}"/>
            </a:ext>
          </a:extLst>
        </xdr:cNvPr>
        <xdr:cNvSpPr txBox="1"/>
      </xdr:nvSpPr>
      <xdr:spPr>
        <a:xfrm>
          <a:off x="22212300" y="9818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3223</xdr:rowOff>
    </xdr:from>
    <xdr:to>
      <xdr:col>116</xdr:col>
      <xdr:colOff>114300</xdr:colOff>
      <xdr:row>58</xdr:row>
      <xdr:rowOff>124823</xdr:rowOff>
    </xdr:to>
    <xdr:sp macro="" textlink="">
      <xdr:nvSpPr>
        <xdr:cNvPr id="784" name="フローチャート: 判断 783">
          <a:extLst>
            <a:ext uri="{FF2B5EF4-FFF2-40B4-BE49-F238E27FC236}">
              <a16:creationId xmlns:a16="http://schemas.microsoft.com/office/drawing/2014/main" id="{00000000-0008-0000-0600-000010030000}"/>
            </a:ext>
          </a:extLst>
        </xdr:cNvPr>
        <xdr:cNvSpPr/>
      </xdr:nvSpPr>
      <xdr:spPr>
        <a:xfrm>
          <a:off x="22110700" y="9967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18783</xdr:rowOff>
    </xdr:from>
    <xdr:to>
      <xdr:col>111</xdr:col>
      <xdr:colOff>177800</xdr:colOff>
      <xdr:row>58</xdr:row>
      <xdr:rowOff>124818</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20434300" y="10062883"/>
          <a:ext cx="889000" cy="6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3337</xdr:rowOff>
    </xdr:from>
    <xdr:to>
      <xdr:col>112</xdr:col>
      <xdr:colOff>38100</xdr:colOff>
      <xdr:row>58</xdr:row>
      <xdr:rowOff>124937</xdr:rowOff>
    </xdr:to>
    <xdr:sp macro="" textlink="">
      <xdr:nvSpPr>
        <xdr:cNvPr id="786" name="フローチャート: 判断 785">
          <a:extLst>
            <a:ext uri="{FF2B5EF4-FFF2-40B4-BE49-F238E27FC236}">
              <a16:creationId xmlns:a16="http://schemas.microsoft.com/office/drawing/2014/main" id="{00000000-0008-0000-0600-000012030000}"/>
            </a:ext>
          </a:extLst>
        </xdr:cNvPr>
        <xdr:cNvSpPr/>
      </xdr:nvSpPr>
      <xdr:spPr>
        <a:xfrm>
          <a:off x="21272500" y="996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1464</xdr:rowOff>
    </xdr:from>
    <xdr:ext cx="469744"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21088428" y="974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18783</xdr:rowOff>
    </xdr:from>
    <xdr:to>
      <xdr:col>107</xdr:col>
      <xdr:colOff>50800</xdr:colOff>
      <xdr:row>58</xdr:row>
      <xdr:rowOff>129413</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flipV="1">
          <a:off x="19545300" y="10062883"/>
          <a:ext cx="889000" cy="10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24892</xdr:rowOff>
    </xdr:from>
    <xdr:to>
      <xdr:col>107</xdr:col>
      <xdr:colOff>101600</xdr:colOff>
      <xdr:row>58</xdr:row>
      <xdr:rowOff>126492</xdr:rowOff>
    </xdr:to>
    <xdr:sp macro="" textlink="">
      <xdr:nvSpPr>
        <xdr:cNvPr id="789" name="フローチャート: 判断 788">
          <a:extLst>
            <a:ext uri="{FF2B5EF4-FFF2-40B4-BE49-F238E27FC236}">
              <a16:creationId xmlns:a16="http://schemas.microsoft.com/office/drawing/2014/main" id="{00000000-0008-0000-0600-000015030000}"/>
            </a:ext>
          </a:extLst>
        </xdr:cNvPr>
        <xdr:cNvSpPr/>
      </xdr:nvSpPr>
      <xdr:spPr>
        <a:xfrm>
          <a:off x="20383500" y="9968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3019</xdr:rowOff>
    </xdr:from>
    <xdr:ext cx="469744"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20199428" y="9744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29413</xdr:rowOff>
    </xdr:from>
    <xdr:to>
      <xdr:col>102</xdr:col>
      <xdr:colOff>114300</xdr:colOff>
      <xdr:row>58</xdr:row>
      <xdr:rowOff>129527</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flipV="1">
          <a:off x="18656300" y="10073513"/>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5042</xdr:rowOff>
    </xdr:from>
    <xdr:to>
      <xdr:col>102</xdr:col>
      <xdr:colOff>165100</xdr:colOff>
      <xdr:row>58</xdr:row>
      <xdr:rowOff>136642</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19494500" y="9979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53169</xdr:rowOff>
    </xdr:from>
    <xdr:ext cx="469744"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9310428" y="9754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9705</xdr:rowOff>
    </xdr:from>
    <xdr:to>
      <xdr:col>98</xdr:col>
      <xdr:colOff>38100</xdr:colOff>
      <xdr:row>58</xdr:row>
      <xdr:rowOff>141305</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18605500" y="998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57832</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8421428" y="9759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8133</xdr:rowOff>
    </xdr:from>
    <xdr:to>
      <xdr:col>116</xdr:col>
      <xdr:colOff>114300</xdr:colOff>
      <xdr:row>59</xdr:row>
      <xdr:rowOff>8283</xdr:rowOff>
    </xdr:to>
    <xdr:sp macro="" textlink="">
      <xdr:nvSpPr>
        <xdr:cNvPr id="801" name="楕円 800">
          <a:extLst>
            <a:ext uri="{FF2B5EF4-FFF2-40B4-BE49-F238E27FC236}">
              <a16:creationId xmlns:a16="http://schemas.microsoft.com/office/drawing/2014/main" id="{00000000-0008-0000-0600-000021030000}"/>
            </a:ext>
          </a:extLst>
        </xdr:cNvPr>
        <xdr:cNvSpPr/>
      </xdr:nvSpPr>
      <xdr:spPr>
        <a:xfrm>
          <a:off x="22110700" y="10022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650</xdr:rowOff>
    </xdr:from>
    <xdr:ext cx="378565" cy="259045"/>
    <xdr:sp macro="" textlink="">
      <xdr:nvSpPr>
        <xdr:cNvPr id="802" name="貸付金該当値テキスト">
          <a:extLst>
            <a:ext uri="{FF2B5EF4-FFF2-40B4-BE49-F238E27FC236}">
              <a16:creationId xmlns:a16="http://schemas.microsoft.com/office/drawing/2014/main" id="{00000000-0008-0000-0600-000022030000}"/>
            </a:ext>
          </a:extLst>
        </xdr:cNvPr>
        <xdr:cNvSpPr txBox="1"/>
      </xdr:nvSpPr>
      <xdr:spPr>
        <a:xfrm>
          <a:off x="22212300" y="99457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4018</xdr:rowOff>
    </xdr:from>
    <xdr:to>
      <xdr:col>112</xdr:col>
      <xdr:colOff>38100</xdr:colOff>
      <xdr:row>59</xdr:row>
      <xdr:rowOff>4168</xdr:rowOff>
    </xdr:to>
    <xdr:sp macro="" textlink="">
      <xdr:nvSpPr>
        <xdr:cNvPr id="803" name="楕円 802">
          <a:extLst>
            <a:ext uri="{FF2B5EF4-FFF2-40B4-BE49-F238E27FC236}">
              <a16:creationId xmlns:a16="http://schemas.microsoft.com/office/drawing/2014/main" id="{00000000-0008-0000-0600-000023030000}"/>
            </a:ext>
          </a:extLst>
        </xdr:cNvPr>
        <xdr:cNvSpPr/>
      </xdr:nvSpPr>
      <xdr:spPr>
        <a:xfrm>
          <a:off x="21272500" y="10018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66745</xdr:rowOff>
    </xdr:from>
    <xdr:ext cx="378565"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4017" y="101108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67983</xdr:rowOff>
    </xdr:from>
    <xdr:to>
      <xdr:col>107</xdr:col>
      <xdr:colOff>101600</xdr:colOff>
      <xdr:row>58</xdr:row>
      <xdr:rowOff>169583</xdr:rowOff>
    </xdr:to>
    <xdr:sp macro="" textlink="">
      <xdr:nvSpPr>
        <xdr:cNvPr id="805" name="楕円 804">
          <a:extLst>
            <a:ext uri="{FF2B5EF4-FFF2-40B4-BE49-F238E27FC236}">
              <a16:creationId xmlns:a16="http://schemas.microsoft.com/office/drawing/2014/main" id="{00000000-0008-0000-0600-000025030000}"/>
            </a:ext>
          </a:extLst>
        </xdr:cNvPr>
        <xdr:cNvSpPr/>
      </xdr:nvSpPr>
      <xdr:spPr>
        <a:xfrm>
          <a:off x="20383500" y="10012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160710</xdr:rowOff>
    </xdr:from>
    <xdr:ext cx="378565"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245017" y="101048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8613</xdr:rowOff>
    </xdr:from>
    <xdr:to>
      <xdr:col>102</xdr:col>
      <xdr:colOff>165100</xdr:colOff>
      <xdr:row>59</xdr:row>
      <xdr:rowOff>8763</xdr:rowOff>
    </xdr:to>
    <xdr:sp macro="" textlink="">
      <xdr:nvSpPr>
        <xdr:cNvPr id="807" name="楕円 806">
          <a:extLst>
            <a:ext uri="{FF2B5EF4-FFF2-40B4-BE49-F238E27FC236}">
              <a16:creationId xmlns:a16="http://schemas.microsoft.com/office/drawing/2014/main" id="{00000000-0008-0000-0600-000027030000}"/>
            </a:ext>
          </a:extLst>
        </xdr:cNvPr>
        <xdr:cNvSpPr/>
      </xdr:nvSpPr>
      <xdr:spPr>
        <a:xfrm>
          <a:off x="19494500" y="1002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171340</xdr:rowOff>
    </xdr:from>
    <xdr:ext cx="378565"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56017" y="101154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8727</xdr:rowOff>
    </xdr:from>
    <xdr:to>
      <xdr:col>98</xdr:col>
      <xdr:colOff>38100</xdr:colOff>
      <xdr:row>59</xdr:row>
      <xdr:rowOff>8877</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18605500" y="10022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4</xdr:rowOff>
    </xdr:from>
    <xdr:ext cx="378565"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67017" y="101155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1" name="正方形/長方形 810">
          <a:extLst>
            <a:ext uri="{FF2B5EF4-FFF2-40B4-BE49-F238E27FC236}">
              <a16:creationId xmlns:a16="http://schemas.microsoft.com/office/drawing/2014/main" id="{00000000-0008-0000-0600-00002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2" name="正方形/長方形 811">
          <a:extLst>
            <a:ext uri="{FF2B5EF4-FFF2-40B4-BE49-F238E27FC236}">
              <a16:creationId xmlns:a16="http://schemas.microsoft.com/office/drawing/2014/main" id="{00000000-0008-0000-0600-00002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3" name="正方形/長方形 812">
          <a:extLst>
            <a:ext uri="{FF2B5EF4-FFF2-40B4-BE49-F238E27FC236}">
              <a16:creationId xmlns:a16="http://schemas.microsoft.com/office/drawing/2014/main" id="{00000000-0008-0000-0600-00002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4" name="正方形/長方形 813">
          <a:extLst>
            <a:ext uri="{FF2B5EF4-FFF2-40B4-BE49-F238E27FC236}">
              <a16:creationId xmlns:a16="http://schemas.microsoft.com/office/drawing/2014/main" id="{00000000-0008-0000-0600-00002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5" name="正方形/長方形 814">
          <a:extLst>
            <a:ext uri="{FF2B5EF4-FFF2-40B4-BE49-F238E27FC236}">
              <a16:creationId xmlns:a16="http://schemas.microsoft.com/office/drawing/2014/main" id="{00000000-0008-0000-0600-00002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6" name="正方形/長方形 815">
          <a:extLst>
            <a:ext uri="{FF2B5EF4-FFF2-40B4-BE49-F238E27FC236}">
              <a16:creationId xmlns:a16="http://schemas.microsoft.com/office/drawing/2014/main" id="{00000000-0008-0000-0600-00003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17" name="正方形/長方形 816">
          <a:extLst>
            <a:ext uri="{FF2B5EF4-FFF2-40B4-BE49-F238E27FC236}">
              <a16:creationId xmlns:a16="http://schemas.microsoft.com/office/drawing/2014/main" id="{00000000-0008-0000-0600-00003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0" name="直線コネクタ 819">
          <a:extLst>
            <a:ext uri="{FF2B5EF4-FFF2-40B4-BE49-F238E27FC236}">
              <a16:creationId xmlns:a16="http://schemas.microsoft.com/office/drawing/2014/main" id="{00000000-0008-0000-0600-00003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1" name="直線コネクタ 820">
          <a:extLst>
            <a:ext uri="{FF2B5EF4-FFF2-40B4-BE49-F238E27FC236}">
              <a16:creationId xmlns:a16="http://schemas.microsoft.com/office/drawing/2014/main" id="{00000000-0008-0000-0600-000035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3" name="直線コネクタ 822">
          <a:extLst>
            <a:ext uri="{FF2B5EF4-FFF2-40B4-BE49-F238E27FC236}">
              <a16:creationId xmlns:a16="http://schemas.microsoft.com/office/drawing/2014/main" id="{00000000-0008-0000-0600-000037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5" name="直線コネクタ 824">
          <a:extLst>
            <a:ext uri="{FF2B5EF4-FFF2-40B4-BE49-F238E27FC236}">
              <a16:creationId xmlns:a16="http://schemas.microsoft.com/office/drawing/2014/main" id="{00000000-0008-0000-0600-000039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1" name="直線コネクタ 830">
          <a:extLst>
            <a:ext uri="{FF2B5EF4-FFF2-40B4-BE49-F238E27FC236}">
              <a16:creationId xmlns:a16="http://schemas.microsoft.com/office/drawing/2014/main" id="{00000000-0008-0000-0600-00003F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5" name="繰出金グラフ枠">
          <a:extLst>
            <a:ext uri="{FF2B5EF4-FFF2-40B4-BE49-F238E27FC236}">
              <a16:creationId xmlns:a16="http://schemas.microsoft.com/office/drawing/2014/main" id="{00000000-0008-0000-0600-000043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293</xdr:rowOff>
    </xdr:from>
    <xdr:to>
      <xdr:col>116</xdr:col>
      <xdr:colOff>62864</xdr:colOff>
      <xdr:row>79</xdr:row>
      <xdr:rowOff>73799</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flipV="1">
          <a:off x="22159595" y="12214243"/>
          <a:ext cx="1269" cy="14041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77626</xdr:rowOff>
    </xdr:from>
    <xdr:ext cx="469744" cy="259045"/>
    <xdr:sp macro="" textlink="">
      <xdr:nvSpPr>
        <xdr:cNvPr id="837" name="繰出金最小値テキスト">
          <a:extLst>
            <a:ext uri="{FF2B5EF4-FFF2-40B4-BE49-F238E27FC236}">
              <a16:creationId xmlns:a16="http://schemas.microsoft.com/office/drawing/2014/main" id="{00000000-0008-0000-0600-000045030000}"/>
            </a:ext>
          </a:extLst>
        </xdr:cNvPr>
        <xdr:cNvSpPr txBox="1"/>
      </xdr:nvSpPr>
      <xdr:spPr>
        <a:xfrm>
          <a:off x="22212300" y="13622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73799</xdr:rowOff>
    </xdr:from>
    <xdr:to>
      <xdr:col>116</xdr:col>
      <xdr:colOff>152400</xdr:colOff>
      <xdr:row>79</xdr:row>
      <xdr:rowOff>73799</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22072600" y="13618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9420</xdr:rowOff>
    </xdr:from>
    <xdr:ext cx="599010" cy="259045"/>
    <xdr:sp macro="" textlink="">
      <xdr:nvSpPr>
        <xdr:cNvPr id="839" name="繰出金最大値テキスト">
          <a:extLst>
            <a:ext uri="{FF2B5EF4-FFF2-40B4-BE49-F238E27FC236}">
              <a16:creationId xmlns:a16="http://schemas.microsoft.com/office/drawing/2014/main" id="{00000000-0008-0000-0600-000047030000}"/>
            </a:ext>
          </a:extLst>
        </xdr:cNvPr>
        <xdr:cNvSpPr txBox="1"/>
      </xdr:nvSpPr>
      <xdr:spPr>
        <a:xfrm>
          <a:off x="22212300" y="11989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293</xdr:rowOff>
    </xdr:from>
    <xdr:to>
      <xdr:col>116</xdr:col>
      <xdr:colOff>152400</xdr:colOff>
      <xdr:row>71</xdr:row>
      <xdr:rowOff>41293</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22072600" y="1221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77989</xdr:rowOff>
    </xdr:from>
    <xdr:to>
      <xdr:col>116</xdr:col>
      <xdr:colOff>63500</xdr:colOff>
      <xdr:row>76</xdr:row>
      <xdr:rowOff>105998</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flipV="1">
          <a:off x="21323300" y="13108189"/>
          <a:ext cx="838200" cy="28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237</xdr:rowOff>
    </xdr:from>
    <xdr:ext cx="534377" cy="259045"/>
    <xdr:sp macro="" textlink="">
      <xdr:nvSpPr>
        <xdr:cNvPr id="842" name="繰出金平均値テキスト">
          <a:extLst>
            <a:ext uri="{FF2B5EF4-FFF2-40B4-BE49-F238E27FC236}">
              <a16:creationId xmlns:a16="http://schemas.microsoft.com/office/drawing/2014/main" id="{00000000-0008-0000-0600-00004A030000}"/>
            </a:ext>
          </a:extLst>
        </xdr:cNvPr>
        <xdr:cNvSpPr txBox="1"/>
      </xdr:nvSpPr>
      <xdr:spPr>
        <a:xfrm>
          <a:off x="22212300" y="12779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360</xdr:rowOff>
    </xdr:from>
    <xdr:to>
      <xdr:col>116</xdr:col>
      <xdr:colOff>114300</xdr:colOff>
      <xdr:row>75</xdr:row>
      <xdr:rowOff>170960</xdr:rowOff>
    </xdr:to>
    <xdr:sp macro="" textlink="">
      <xdr:nvSpPr>
        <xdr:cNvPr id="843" name="フローチャート: 判断 842">
          <a:extLst>
            <a:ext uri="{FF2B5EF4-FFF2-40B4-BE49-F238E27FC236}">
              <a16:creationId xmlns:a16="http://schemas.microsoft.com/office/drawing/2014/main" id="{00000000-0008-0000-0600-00004B030000}"/>
            </a:ext>
          </a:extLst>
        </xdr:cNvPr>
        <xdr:cNvSpPr/>
      </xdr:nvSpPr>
      <xdr:spPr>
        <a:xfrm>
          <a:off x="22110700" y="1292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68921</xdr:rowOff>
    </xdr:from>
    <xdr:to>
      <xdr:col>111</xdr:col>
      <xdr:colOff>177800</xdr:colOff>
      <xdr:row>76</xdr:row>
      <xdr:rowOff>105998</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20434300" y="13099121"/>
          <a:ext cx="889000" cy="37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6381</xdr:rowOff>
    </xdr:from>
    <xdr:to>
      <xdr:col>112</xdr:col>
      <xdr:colOff>38100</xdr:colOff>
      <xdr:row>76</xdr:row>
      <xdr:rowOff>6531</xdr:rowOff>
    </xdr:to>
    <xdr:sp macro="" textlink="">
      <xdr:nvSpPr>
        <xdr:cNvPr id="845" name="フローチャート: 判断 844">
          <a:extLst>
            <a:ext uri="{FF2B5EF4-FFF2-40B4-BE49-F238E27FC236}">
              <a16:creationId xmlns:a16="http://schemas.microsoft.com/office/drawing/2014/main" id="{00000000-0008-0000-0600-00004D030000}"/>
            </a:ext>
          </a:extLst>
        </xdr:cNvPr>
        <xdr:cNvSpPr/>
      </xdr:nvSpPr>
      <xdr:spPr>
        <a:xfrm>
          <a:off x="21272500" y="1293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23058</xdr:rowOff>
    </xdr:from>
    <xdr:ext cx="534377"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21056111" y="1271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68921</xdr:rowOff>
    </xdr:from>
    <xdr:to>
      <xdr:col>107</xdr:col>
      <xdr:colOff>50800</xdr:colOff>
      <xdr:row>76</xdr:row>
      <xdr:rowOff>7309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19545300" y="13099121"/>
          <a:ext cx="889000" cy="4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73910</xdr:rowOff>
    </xdr:from>
    <xdr:to>
      <xdr:col>107</xdr:col>
      <xdr:colOff>101600</xdr:colOff>
      <xdr:row>76</xdr:row>
      <xdr:rowOff>4060</xdr:rowOff>
    </xdr:to>
    <xdr:sp macro="" textlink="">
      <xdr:nvSpPr>
        <xdr:cNvPr id="848" name="フローチャート: 判断 847">
          <a:extLst>
            <a:ext uri="{FF2B5EF4-FFF2-40B4-BE49-F238E27FC236}">
              <a16:creationId xmlns:a16="http://schemas.microsoft.com/office/drawing/2014/main" id="{00000000-0008-0000-0600-000050030000}"/>
            </a:ext>
          </a:extLst>
        </xdr:cNvPr>
        <xdr:cNvSpPr/>
      </xdr:nvSpPr>
      <xdr:spPr>
        <a:xfrm>
          <a:off x="203835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20587</xdr:rowOff>
    </xdr:from>
    <xdr:ext cx="534377"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20167111" y="1270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68824</xdr:rowOff>
    </xdr:from>
    <xdr:to>
      <xdr:col>102</xdr:col>
      <xdr:colOff>114300</xdr:colOff>
      <xdr:row>76</xdr:row>
      <xdr:rowOff>7309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656300" y="13099024"/>
          <a:ext cx="889000" cy="4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03639</xdr:rowOff>
    </xdr:from>
    <xdr:to>
      <xdr:col>102</xdr:col>
      <xdr:colOff>165100</xdr:colOff>
      <xdr:row>76</xdr:row>
      <xdr:rowOff>33790</xdr:rowOff>
    </xdr:to>
    <xdr:sp macro="" textlink="">
      <xdr:nvSpPr>
        <xdr:cNvPr id="851" name="フローチャート: 判断 850">
          <a:extLst>
            <a:ext uri="{FF2B5EF4-FFF2-40B4-BE49-F238E27FC236}">
              <a16:creationId xmlns:a16="http://schemas.microsoft.com/office/drawing/2014/main" id="{00000000-0008-0000-0600-000053030000}"/>
            </a:ext>
          </a:extLst>
        </xdr:cNvPr>
        <xdr:cNvSpPr/>
      </xdr:nvSpPr>
      <xdr:spPr>
        <a:xfrm>
          <a:off x="19494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0316</xdr:rowOff>
    </xdr:from>
    <xdr:ext cx="534377"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9278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7162</xdr:rowOff>
    </xdr:from>
    <xdr:to>
      <xdr:col>98</xdr:col>
      <xdr:colOff>38100</xdr:colOff>
      <xdr:row>76</xdr:row>
      <xdr:rowOff>27313</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18605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3839</xdr:rowOff>
    </xdr:from>
    <xdr:ext cx="534377"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8389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27189</xdr:rowOff>
    </xdr:from>
    <xdr:to>
      <xdr:col>116</xdr:col>
      <xdr:colOff>114300</xdr:colOff>
      <xdr:row>76</xdr:row>
      <xdr:rowOff>128789</xdr:rowOff>
    </xdr:to>
    <xdr:sp macro="" textlink="">
      <xdr:nvSpPr>
        <xdr:cNvPr id="860" name="楕円 859">
          <a:extLst>
            <a:ext uri="{FF2B5EF4-FFF2-40B4-BE49-F238E27FC236}">
              <a16:creationId xmlns:a16="http://schemas.microsoft.com/office/drawing/2014/main" id="{00000000-0008-0000-0600-00005C030000}"/>
            </a:ext>
          </a:extLst>
        </xdr:cNvPr>
        <xdr:cNvSpPr/>
      </xdr:nvSpPr>
      <xdr:spPr>
        <a:xfrm>
          <a:off x="22110700" y="1305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5616</xdr:rowOff>
    </xdr:from>
    <xdr:ext cx="534377" cy="259045"/>
    <xdr:sp macro="" textlink="">
      <xdr:nvSpPr>
        <xdr:cNvPr id="861" name="繰出金該当値テキスト">
          <a:extLst>
            <a:ext uri="{FF2B5EF4-FFF2-40B4-BE49-F238E27FC236}">
              <a16:creationId xmlns:a16="http://schemas.microsoft.com/office/drawing/2014/main" id="{00000000-0008-0000-0600-00005D030000}"/>
            </a:ext>
          </a:extLst>
        </xdr:cNvPr>
        <xdr:cNvSpPr txBox="1"/>
      </xdr:nvSpPr>
      <xdr:spPr>
        <a:xfrm>
          <a:off x="22212300" y="13035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55198</xdr:rowOff>
    </xdr:from>
    <xdr:to>
      <xdr:col>112</xdr:col>
      <xdr:colOff>38100</xdr:colOff>
      <xdr:row>76</xdr:row>
      <xdr:rowOff>156798</xdr:rowOff>
    </xdr:to>
    <xdr:sp macro="" textlink="">
      <xdr:nvSpPr>
        <xdr:cNvPr id="862" name="楕円 861">
          <a:extLst>
            <a:ext uri="{FF2B5EF4-FFF2-40B4-BE49-F238E27FC236}">
              <a16:creationId xmlns:a16="http://schemas.microsoft.com/office/drawing/2014/main" id="{00000000-0008-0000-0600-00005E030000}"/>
            </a:ext>
          </a:extLst>
        </xdr:cNvPr>
        <xdr:cNvSpPr/>
      </xdr:nvSpPr>
      <xdr:spPr>
        <a:xfrm>
          <a:off x="21272500" y="1308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7925</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3178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8121</xdr:rowOff>
    </xdr:from>
    <xdr:to>
      <xdr:col>107</xdr:col>
      <xdr:colOff>101600</xdr:colOff>
      <xdr:row>76</xdr:row>
      <xdr:rowOff>119721</xdr:rowOff>
    </xdr:to>
    <xdr:sp macro="" textlink="">
      <xdr:nvSpPr>
        <xdr:cNvPr id="864" name="楕円 863">
          <a:extLst>
            <a:ext uri="{FF2B5EF4-FFF2-40B4-BE49-F238E27FC236}">
              <a16:creationId xmlns:a16="http://schemas.microsoft.com/office/drawing/2014/main" id="{00000000-0008-0000-0600-000060030000}"/>
            </a:ext>
          </a:extLst>
        </xdr:cNvPr>
        <xdr:cNvSpPr/>
      </xdr:nvSpPr>
      <xdr:spPr>
        <a:xfrm>
          <a:off x="20383500" y="13048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10848</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0167111" y="13141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22290</xdr:rowOff>
    </xdr:from>
    <xdr:to>
      <xdr:col>102</xdr:col>
      <xdr:colOff>165100</xdr:colOff>
      <xdr:row>76</xdr:row>
      <xdr:rowOff>123890</xdr:rowOff>
    </xdr:to>
    <xdr:sp macro="" textlink="">
      <xdr:nvSpPr>
        <xdr:cNvPr id="866" name="楕円 865">
          <a:extLst>
            <a:ext uri="{FF2B5EF4-FFF2-40B4-BE49-F238E27FC236}">
              <a16:creationId xmlns:a16="http://schemas.microsoft.com/office/drawing/2014/main" id="{00000000-0008-0000-0600-000062030000}"/>
            </a:ext>
          </a:extLst>
        </xdr:cNvPr>
        <xdr:cNvSpPr/>
      </xdr:nvSpPr>
      <xdr:spPr>
        <a:xfrm>
          <a:off x="19494500" y="13052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15017</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9278111" y="13145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8024</xdr:rowOff>
    </xdr:from>
    <xdr:to>
      <xdr:col>98</xdr:col>
      <xdr:colOff>38100</xdr:colOff>
      <xdr:row>76</xdr:row>
      <xdr:rowOff>119624</xdr:rowOff>
    </xdr:to>
    <xdr:sp macro="" textlink="">
      <xdr:nvSpPr>
        <xdr:cNvPr id="868" name="楕円 867">
          <a:extLst>
            <a:ext uri="{FF2B5EF4-FFF2-40B4-BE49-F238E27FC236}">
              <a16:creationId xmlns:a16="http://schemas.microsoft.com/office/drawing/2014/main" id="{00000000-0008-0000-0600-000064030000}"/>
            </a:ext>
          </a:extLst>
        </xdr:cNvPr>
        <xdr:cNvSpPr/>
      </xdr:nvSpPr>
      <xdr:spPr>
        <a:xfrm>
          <a:off x="18605500" y="1304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10751</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389111" y="13140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0" name="正方形/長方形 869">
          <a:extLst>
            <a:ext uri="{FF2B5EF4-FFF2-40B4-BE49-F238E27FC236}">
              <a16:creationId xmlns:a16="http://schemas.microsoft.com/office/drawing/2014/main" id="{00000000-0008-0000-0600-000066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1" name="正方形/長方形 870">
          <a:extLst>
            <a:ext uri="{FF2B5EF4-FFF2-40B4-BE49-F238E27FC236}">
              <a16:creationId xmlns:a16="http://schemas.microsoft.com/office/drawing/2014/main" id="{00000000-0008-0000-0600-000067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2" name="正方形/長方形 871">
          <a:extLst>
            <a:ext uri="{FF2B5EF4-FFF2-40B4-BE49-F238E27FC236}">
              <a16:creationId xmlns:a16="http://schemas.microsoft.com/office/drawing/2014/main" id="{00000000-0008-0000-0600-000068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3" name="正方形/長方形 872">
          <a:extLst>
            <a:ext uri="{FF2B5EF4-FFF2-40B4-BE49-F238E27FC236}">
              <a16:creationId xmlns:a16="http://schemas.microsoft.com/office/drawing/2014/main" id="{00000000-0008-0000-0600-000069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4" name="正方形/長方形 873">
          <a:extLst>
            <a:ext uri="{FF2B5EF4-FFF2-40B4-BE49-F238E27FC236}">
              <a16:creationId xmlns:a16="http://schemas.microsoft.com/office/drawing/2014/main" id="{00000000-0008-0000-0600-00006A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79" name="直線コネクタ 878">
          <a:extLst>
            <a:ext uri="{FF2B5EF4-FFF2-40B4-BE49-F238E27FC236}">
              <a16:creationId xmlns:a16="http://schemas.microsoft.com/office/drawing/2014/main" id="{00000000-0008-0000-0600-00006F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0" name="直線コネクタ 879">
          <a:extLst>
            <a:ext uri="{FF2B5EF4-FFF2-40B4-BE49-F238E27FC236}">
              <a16:creationId xmlns:a16="http://schemas.microsoft.com/office/drawing/2014/main" id="{00000000-0008-0000-0600-000070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2" name="直線コネクタ 881">
          <a:extLst>
            <a:ext uri="{FF2B5EF4-FFF2-40B4-BE49-F238E27FC236}">
              <a16:creationId xmlns:a16="http://schemas.microsoft.com/office/drawing/2014/main" id="{00000000-0008-0000-0600-000072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4" name="前年度繰上充用金グラフ枠">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5" name="直線コネクタ 884">
          <a:extLst>
            <a:ext uri="{FF2B5EF4-FFF2-40B4-BE49-F238E27FC236}">
              <a16:creationId xmlns:a16="http://schemas.microsoft.com/office/drawing/2014/main" id="{00000000-0008-0000-0600-000075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6" name="前年度繰上充用金最小値テキスト">
          <a:extLst>
            <a:ext uri="{FF2B5EF4-FFF2-40B4-BE49-F238E27FC236}">
              <a16:creationId xmlns:a16="http://schemas.microsoft.com/office/drawing/2014/main" id="{00000000-0008-0000-0600-000076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88" name="前年度繰上充用金最大値テキスト">
          <a:extLst>
            <a:ext uri="{FF2B5EF4-FFF2-40B4-BE49-F238E27FC236}">
              <a16:creationId xmlns:a16="http://schemas.microsoft.com/office/drawing/2014/main" id="{00000000-0008-0000-0600-000078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1" name="前年度繰上充用金平均値テキスト">
          <a:extLst>
            <a:ext uri="{FF2B5EF4-FFF2-40B4-BE49-F238E27FC236}">
              <a16:creationId xmlns:a16="http://schemas.microsoft.com/office/drawing/2014/main" id="{00000000-0008-0000-0600-00007B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2" name="フローチャート: 判断 891">
          <a:extLst>
            <a:ext uri="{FF2B5EF4-FFF2-40B4-BE49-F238E27FC236}">
              <a16:creationId xmlns:a16="http://schemas.microsoft.com/office/drawing/2014/main" id="{00000000-0008-0000-0600-00007C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4" name="フローチャート: 判断 893">
          <a:extLst>
            <a:ext uri="{FF2B5EF4-FFF2-40B4-BE49-F238E27FC236}">
              <a16:creationId xmlns:a16="http://schemas.microsoft.com/office/drawing/2014/main" id="{00000000-0008-0000-0600-00007E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7" name="フローチャート: 判断 896">
          <a:extLst>
            <a:ext uri="{FF2B5EF4-FFF2-40B4-BE49-F238E27FC236}">
              <a16:creationId xmlns:a16="http://schemas.microsoft.com/office/drawing/2014/main" id="{00000000-0008-0000-0600-000081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0" name="フローチャート: 判断 899">
          <a:extLst>
            <a:ext uri="{FF2B5EF4-FFF2-40B4-BE49-F238E27FC236}">
              <a16:creationId xmlns:a16="http://schemas.microsoft.com/office/drawing/2014/main" id="{00000000-0008-0000-0600-000084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1" name="テキスト ボックス 900">
          <a:extLst>
            <a:ext uri="{FF2B5EF4-FFF2-40B4-BE49-F238E27FC236}">
              <a16:creationId xmlns:a16="http://schemas.microsoft.com/office/drawing/2014/main" id="{00000000-0008-0000-0600-000085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4" name="テキスト ボックス 903">
          <a:extLst>
            <a:ext uri="{FF2B5EF4-FFF2-40B4-BE49-F238E27FC236}">
              <a16:creationId xmlns:a16="http://schemas.microsoft.com/office/drawing/2014/main" id="{00000000-0008-0000-0600-000088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楕円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0" name="前年度繰上充用金該当値テキスト">
          <a:extLst>
            <a:ext uri="{FF2B5EF4-FFF2-40B4-BE49-F238E27FC236}">
              <a16:creationId xmlns:a16="http://schemas.microsoft.com/office/drawing/2014/main" id="{00000000-0008-0000-0600-00008E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1" name="楕円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3" name="楕円 912">
          <a:extLst>
            <a:ext uri="{FF2B5EF4-FFF2-40B4-BE49-F238E27FC236}">
              <a16:creationId xmlns:a16="http://schemas.microsoft.com/office/drawing/2014/main" id="{00000000-0008-0000-0600-000091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5" name="楕円 914">
          <a:extLst>
            <a:ext uri="{FF2B5EF4-FFF2-40B4-BE49-F238E27FC236}">
              <a16:creationId xmlns:a16="http://schemas.microsoft.com/office/drawing/2014/main" id="{00000000-0008-0000-0600-000093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楕円 916">
          <a:extLst>
            <a:ext uri="{FF2B5EF4-FFF2-40B4-BE49-F238E27FC236}">
              <a16:creationId xmlns:a16="http://schemas.microsoft.com/office/drawing/2014/main" id="{00000000-0008-0000-0600-000095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19" name="正方形/長方形 918">
          <a:extLst>
            <a:ext uri="{FF2B5EF4-FFF2-40B4-BE49-F238E27FC236}">
              <a16:creationId xmlns:a16="http://schemas.microsoft.com/office/drawing/2014/main" id="{00000000-0008-0000-0600-00009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0" name="正方形/長方形 919">
          <a:extLst>
            <a:ext uri="{FF2B5EF4-FFF2-40B4-BE49-F238E27FC236}">
              <a16:creationId xmlns:a16="http://schemas.microsoft.com/office/drawing/2014/main" id="{00000000-0008-0000-0600-00009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普通建設事業費（うち更新整備）を除く項目が類似団体平均と比較して低い状況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４年度の特徴としては、「公債費」は令和元年度防災行政無線デジタル化事業債等の元金償還開始に伴い増加、「扶助費」は、障害福祉サービス等給付費等の増額により経常費用は増加したが、子育て世帯への臨時特別給付金、住民税非課税世帯等臨時特別給付金の国の施策による事業が減ったことに伴い、全体として減少となっている。</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また、「普通建設事業費（うち更新整備）」は松田小学校旧校舎の解体や太陽光発電設備整備工事等を実施したが、それ以上に令和</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に完了した松田小学校新校舎建設での減が上回ったため大きく減少、「積立金」は令和２年度から</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老朽化した町有施設や</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今後の広域施設の建替等に備え計画的に積立てているため、類似団体平均に近しい数値でほぼ横ばいに推移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01219</xdr:rowOff>
    </xdr:from>
    <xdr:to>
      <xdr:col>24</xdr:col>
      <xdr:colOff>62865</xdr:colOff>
      <xdr:row>38</xdr:row>
      <xdr:rowOff>16256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416169"/>
          <a:ext cx="1270" cy="1261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6387</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68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2560</xdr:rowOff>
    </xdr:from>
    <xdr:to>
      <xdr:col>24</xdr:col>
      <xdr:colOff>152400</xdr:colOff>
      <xdr:row>38</xdr:row>
      <xdr:rowOff>162560</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677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7896</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191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01219</xdr:rowOff>
    </xdr:from>
    <xdr:to>
      <xdr:col>24</xdr:col>
      <xdr:colOff>152400</xdr:colOff>
      <xdr:row>31</xdr:row>
      <xdr:rowOff>101219</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416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50355</xdr:rowOff>
    </xdr:from>
    <xdr:to>
      <xdr:col>24</xdr:col>
      <xdr:colOff>63500</xdr:colOff>
      <xdr:row>35</xdr:row>
      <xdr:rowOff>109791</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6051105"/>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23143</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1238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4716</xdr:rowOff>
    </xdr:from>
    <xdr:to>
      <xdr:col>24</xdr:col>
      <xdr:colOff>114300</xdr:colOff>
      <xdr:row>36</xdr:row>
      <xdr:rowOff>74866</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145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04458</xdr:rowOff>
    </xdr:from>
    <xdr:to>
      <xdr:col>19</xdr:col>
      <xdr:colOff>177800</xdr:colOff>
      <xdr:row>35</xdr:row>
      <xdr:rowOff>109791</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6105208"/>
          <a:ext cx="889000" cy="5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2509</xdr:rowOff>
    </xdr:from>
    <xdr:to>
      <xdr:col>20</xdr:col>
      <xdr:colOff>38100</xdr:colOff>
      <xdr:row>36</xdr:row>
      <xdr:rowOff>114109</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184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05236</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277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61976</xdr:rowOff>
    </xdr:from>
    <xdr:to>
      <xdr:col>15</xdr:col>
      <xdr:colOff>50800</xdr:colOff>
      <xdr:row>35</xdr:row>
      <xdr:rowOff>104458</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6062726"/>
          <a:ext cx="889000" cy="42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2128</xdr:rowOff>
    </xdr:from>
    <xdr:to>
      <xdr:col>15</xdr:col>
      <xdr:colOff>101600</xdr:colOff>
      <xdr:row>36</xdr:row>
      <xdr:rowOff>11372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18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0485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277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49022</xdr:rowOff>
    </xdr:from>
    <xdr:to>
      <xdr:col>10</xdr:col>
      <xdr:colOff>114300</xdr:colOff>
      <xdr:row>35</xdr:row>
      <xdr:rowOff>61976</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6049772"/>
          <a:ext cx="8890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1090</xdr:rowOff>
    </xdr:from>
    <xdr:to>
      <xdr:col>10</xdr:col>
      <xdr:colOff>165100</xdr:colOff>
      <xdr:row>36</xdr:row>
      <xdr:rowOff>112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8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236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174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6141</xdr:rowOff>
    </xdr:from>
    <xdr:to>
      <xdr:col>6</xdr:col>
      <xdr:colOff>38100</xdr:colOff>
      <xdr:row>36</xdr:row>
      <xdr:rowOff>46291</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11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37418</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209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71005</xdr:rowOff>
    </xdr:from>
    <xdr:to>
      <xdr:col>24</xdr:col>
      <xdr:colOff>114300</xdr:colOff>
      <xdr:row>35</xdr:row>
      <xdr:rowOff>10115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6000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22432</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851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58991</xdr:rowOff>
    </xdr:from>
    <xdr:to>
      <xdr:col>20</xdr:col>
      <xdr:colOff>38100</xdr:colOff>
      <xdr:row>35</xdr:row>
      <xdr:rowOff>16059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6059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566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834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53658</xdr:rowOff>
    </xdr:from>
    <xdr:to>
      <xdr:col>15</xdr:col>
      <xdr:colOff>101600</xdr:colOff>
      <xdr:row>35</xdr:row>
      <xdr:rowOff>15525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6054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335</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829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176</xdr:rowOff>
    </xdr:from>
    <xdr:to>
      <xdr:col>10</xdr:col>
      <xdr:colOff>165100</xdr:colOff>
      <xdr:row>35</xdr:row>
      <xdr:rowOff>11277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6011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930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787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9672</xdr:rowOff>
    </xdr:from>
    <xdr:to>
      <xdr:col>6</xdr:col>
      <xdr:colOff>38100</xdr:colOff>
      <xdr:row>35</xdr:row>
      <xdr:rowOff>99822</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998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16349</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774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5452</xdr:rowOff>
    </xdr:from>
    <xdr:to>
      <xdr:col>24</xdr:col>
      <xdr:colOff>62865</xdr:colOff>
      <xdr:row>58</xdr:row>
      <xdr:rowOff>93249</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597952"/>
          <a:ext cx="1270" cy="1439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7076</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041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3249</xdr:rowOff>
    </xdr:from>
    <xdr:to>
      <xdr:col>24</xdr:col>
      <xdr:colOff>152400</xdr:colOff>
      <xdr:row>58</xdr:row>
      <xdr:rowOff>93249</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037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43579</xdr:rowOff>
    </xdr:from>
    <xdr:ext cx="599010"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373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4,9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5452</xdr:rowOff>
    </xdr:from>
    <xdr:to>
      <xdr:col>24</xdr:col>
      <xdr:colOff>152400</xdr:colOff>
      <xdr:row>50</xdr:row>
      <xdr:rowOff>25452</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597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29680</xdr:rowOff>
    </xdr:from>
    <xdr:to>
      <xdr:col>24</xdr:col>
      <xdr:colOff>63500</xdr:colOff>
      <xdr:row>57</xdr:row>
      <xdr:rowOff>165107</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3797300" y="9902330"/>
          <a:ext cx="838200" cy="35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9141</xdr:rowOff>
    </xdr:from>
    <xdr:ext cx="599010"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55889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6264</xdr:rowOff>
    </xdr:from>
    <xdr:to>
      <xdr:col>24</xdr:col>
      <xdr:colOff>114300</xdr:colOff>
      <xdr:row>57</xdr:row>
      <xdr:rowOff>36414</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70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52783</xdr:rowOff>
    </xdr:from>
    <xdr:to>
      <xdr:col>19</xdr:col>
      <xdr:colOff>177800</xdr:colOff>
      <xdr:row>57</xdr:row>
      <xdr:rowOff>165107</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2908300" y="9482533"/>
          <a:ext cx="889000" cy="455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0807</xdr:rowOff>
    </xdr:from>
    <xdr:to>
      <xdr:col>20</xdr:col>
      <xdr:colOff>38100</xdr:colOff>
      <xdr:row>57</xdr:row>
      <xdr:rowOff>30957</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702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47484</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4772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52783</xdr:rowOff>
    </xdr:from>
    <xdr:to>
      <xdr:col>15</xdr:col>
      <xdr:colOff>50800</xdr:colOff>
      <xdr:row>58</xdr:row>
      <xdr:rowOff>53469</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9482533"/>
          <a:ext cx="889000" cy="515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155400</xdr:rowOff>
    </xdr:from>
    <xdr:to>
      <xdr:col>15</xdr:col>
      <xdr:colOff>101600</xdr:colOff>
      <xdr:row>55</xdr:row>
      <xdr:rowOff>85550</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41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102077</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08795" y="9188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29894</xdr:rowOff>
    </xdr:from>
    <xdr:to>
      <xdr:col>10</xdr:col>
      <xdr:colOff>114300</xdr:colOff>
      <xdr:row>58</xdr:row>
      <xdr:rowOff>53469</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a:off x="1130300" y="9973994"/>
          <a:ext cx="889000" cy="23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9570</xdr:rowOff>
    </xdr:from>
    <xdr:to>
      <xdr:col>10</xdr:col>
      <xdr:colOff>165100</xdr:colOff>
      <xdr:row>57</xdr:row>
      <xdr:rowOff>89720</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76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06247</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19795" y="9535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0634</xdr:rowOff>
    </xdr:from>
    <xdr:to>
      <xdr:col>6</xdr:col>
      <xdr:colOff>38100</xdr:colOff>
      <xdr:row>57</xdr:row>
      <xdr:rowOff>122234</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793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38761</xdr:rowOff>
    </xdr:from>
    <xdr:ext cx="59901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30795" y="9568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880</xdr:rowOff>
    </xdr:from>
    <xdr:to>
      <xdr:col>24</xdr:col>
      <xdr:colOff>114300</xdr:colOff>
      <xdr:row>58</xdr:row>
      <xdr:rowOff>9030</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851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7307</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829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14307</xdr:rowOff>
    </xdr:from>
    <xdr:to>
      <xdr:col>20</xdr:col>
      <xdr:colOff>38100</xdr:colOff>
      <xdr:row>58</xdr:row>
      <xdr:rowOff>44457</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886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35584</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530111" y="9979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983</xdr:rowOff>
    </xdr:from>
    <xdr:to>
      <xdr:col>15</xdr:col>
      <xdr:colOff>101600</xdr:colOff>
      <xdr:row>55</xdr:row>
      <xdr:rowOff>103583</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431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94710</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08795" y="9524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669</xdr:rowOff>
    </xdr:from>
    <xdr:to>
      <xdr:col>10</xdr:col>
      <xdr:colOff>165100</xdr:colOff>
      <xdr:row>58</xdr:row>
      <xdr:rowOff>104269</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946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95396</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10039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0544</xdr:rowOff>
    </xdr:from>
    <xdr:to>
      <xdr:col>6</xdr:col>
      <xdr:colOff>38100</xdr:colOff>
      <xdr:row>58</xdr:row>
      <xdr:rowOff>80694</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9923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1821</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10015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4330</xdr:rowOff>
    </xdr:from>
    <xdr:to>
      <xdr:col>24</xdr:col>
      <xdr:colOff>62865</xdr:colOff>
      <xdr:row>77</xdr:row>
      <xdr:rowOff>43368</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2187280"/>
          <a:ext cx="1270" cy="1057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7195</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248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43368</xdr:rowOff>
    </xdr:from>
    <xdr:to>
      <xdr:col>24</xdr:col>
      <xdr:colOff>152400</xdr:colOff>
      <xdr:row>77</xdr:row>
      <xdr:rowOff>43368</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245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2457</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19625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1,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4330</xdr:rowOff>
    </xdr:from>
    <xdr:to>
      <xdr:col>24</xdr:col>
      <xdr:colOff>152400</xdr:colOff>
      <xdr:row>71</xdr:row>
      <xdr:rowOff>14330</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218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5708</xdr:rowOff>
    </xdr:from>
    <xdr:to>
      <xdr:col>24</xdr:col>
      <xdr:colOff>63500</xdr:colOff>
      <xdr:row>77</xdr:row>
      <xdr:rowOff>20937</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3797300" y="13185908"/>
          <a:ext cx="838200" cy="36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7887</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7151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010</xdr:rowOff>
    </xdr:from>
    <xdr:to>
      <xdr:col>24</xdr:col>
      <xdr:colOff>114300</xdr:colOff>
      <xdr:row>75</xdr:row>
      <xdr:rowOff>106610</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86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5708</xdr:rowOff>
    </xdr:from>
    <xdr:to>
      <xdr:col>19</xdr:col>
      <xdr:colOff>177800</xdr:colOff>
      <xdr:row>77</xdr:row>
      <xdr:rowOff>62485</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3185908"/>
          <a:ext cx="889000" cy="78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39061</xdr:rowOff>
    </xdr:from>
    <xdr:to>
      <xdr:col>20</xdr:col>
      <xdr:colOff>38100</xdr:colOff>
      <xdr:row>75</xdr:row>
      <xdr:rowOff>69211</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2826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85738</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601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62485</xdr:rowOff>
    </xdr:from>
    <xdr:to>
      <xdr:col>15</xdr:col>
      <xdr:colOff>50800</xdr:colOff>
      <xdr:row>77</xdr:row>
      <xdr:rowOff>119241</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019300" y="13264135"/>
          <a:ext cx="889000" cy="56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14120</xdr:rowOff>
    </xdr:from>
    <xdr:to>
      <xdr:col>15</xdr:col>
      <xdr:colOff>101600</xdr:colOff>
      <xdr:row>76</xdr:row>
      <xdr:rowOff>44270</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297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60797</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2748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9241</xdr:rowOff>
    </xdr:from>
    <xdr:to>
      <xdr:col>10</xdr:col>
      <xdr:colOff>114300</xdr:colOff>
      <xdr:row>77</xdr:row>
      <xdr:rowOff>147599</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1130300" y="13320891"/>
          <a:ext cx="889000" cy="28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64367</xdr:rowOff>
    </xdr:from>
    <xdr:to>
      <xdr:col>10</xdr:col>
      <xdr:colOff>165100</xdr:colOff>
      <xdr:row>76</xdr:row>
      <xdr:rowOff>9451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30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1104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2798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24287</xdr:rowOff>
    </xdr:from>
    <xdr:to>
      <xdr:col>6</xdr:col>
      <xdr:colOff>38100</xdr:colOff>
      <xdr:row>76</xdr:row>
      <xdr:rowOff>125887</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305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42413</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2829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1587</xdr:rowOff>
    </xdr:from>
    <xdr:to>
      <xdr:col>24</xdr:col>
      <xdr:colOff>114300</xdr:colOff>
      <xdr:row>77</xdr:row>
      <xdr:rowOff>71737</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3171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6514</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30867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4908</xdr:rowOff>
    </xdr:from>
    <xdr:to>
      <xdr:col>20</xdr:col>
      <xdr:colOff>38100</xdr:colOff>
      <xdr:row>77</xdr:row>
      <xdr:rowOff>35058</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3135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26185</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3227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685</xdr:rowOff>
    </xdr:from>
    <xdr:to>
      <xdr:col>15</xdr:col>
      <xdr:colOff>101600</xdr:colOff>
      <xdr:row>77</xdr:row>
      <xdr:rowOff>113285</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321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04412</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3306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8441</xdr:rowOff>
    </xdr:from>
    <xdr:to>
      <xdr:col>10</xdr:col>
      <xdr:colOff>165100</xdr:colOff>
      <xdr:row>77</xdr:row>
      <xdr:rowOff>17004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3270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61168</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3362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6799</xdr:rowOff>
    </xdr:from>
    <xdr:to>
      <xdr:col>6</xdr:col>
      <xdr:colOff>38100</xdr:colOff>
      <xdr:row>78</xdr:row>
      <xdr:rowOff>26949</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3298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8076</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3391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139700</xdr:rowOff>
    </xdr:from>
    <xdr:to>
      <xdr:col>28</xdr:col>
      <xdr:colOff>114300</xdr:colOff>
      <xdr:row>98</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168927</xdr:rowOff>
    </xdr:from>
    <xdr:ext cx="248786"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513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衛生費グラフ枠">
          <a:extLst>
            <a:ext uri="{FF2B5EF4-FFF2-40B4-BE49-F238E27FC236}">
              <a16:creationId xmlns:a16="http://schemas.microsoft.com/office/drawing/2014/main" id="{00000000-0008-0000-07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2278</xdr:rowOff>
    </xdr:from>
    <xdr:to>
      <xdr:col>24</xdr:col>
      <xdr:colOff>62865</xdr:colOff>
      <xdr:row>98</xdr:row>
      <xdr:rowOff>212</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flipV="1">
          <a:off x="4633595" y="15624228"/>
          <a:ext cx="1270" cy="11780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039</xdr:rowOff>
    </xdr:from>
    <xdr:ext cx="534377" cy="259045"/>
    <xdr:sp macro="" textlink="">
      <xdr:nvSpPr>
        <xdr:cNvPr id="225" name="衛生費最小値テキスト">
          <a:extLst>
            <a:ext uri="{FF2B5EF4-FFF2-40B4-BE49-F238E27FC236}">
              <a16:creationId xmlns:a16="http://schemas.microsoft.com/office/drawing/2014/main" id="{00000000-0008-0000-0700-0000E1000000}"/>
            </a:ext>
          </a:extLst>
        </xdr:cNvPr>
        <xdr:cNvSpPr txBox="1"/>
      </xdr:nvSpPr>
      <xdr:spPr>
        <a:xfrm>
          <a:off x="4686300" y="1680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212</xdr:rowOff>
    </xdr:from>
    <xdr:to>
      <xdr:col>24</xdr:col>
      <xdr:colOff>152400</xdr:colOff>
      <xdr:row>98</xdr:row>
      <xdr:rowOff>212</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4546600" y="16802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0405</xdr:rowOff>
    </xdr:from>
    <xdr:ext cx="599010" cy="259045"/>
    <xdr:sp macro="" textlink="">
      <xdr:nvSpPr>
        <xdr:cNvPr id="227" name="衛生費最大値テキスト">
          <a:extLst>
            <a:ext uri="{FF2B5EF4-FFF2-40B4-BE49-F238E27FC236}">
              <a16:creationId xmlns:a16="http://schemas.microsoft.com/office/drawing/2014/main" id="{00000000-0008-0000-0700-0000E3000000}"/>
            </a:ext>
          </a:extLst>
        </xdr:cNvPr>
        <xdr:cNvSpPr txBox="1"/>
      </xdr:nvSpPr>
      <xdr:spPr>
        <a:xfrm>
          <a:off x="4686300" y="153994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8,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2278</xdr:rowOff>
    </xdr:from>
    <xdr:to>
      <xdr:col>24</xdr:col>
      <xdr:colOff>152400</xdr:colOff>
      <xdr:row>91</xdr:row>
      <xdr:rowOff>22278</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4546600" y="15624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23716</xdr:rowOff>
    </xdr:from>
    <xdr:to>
      <xdr:col>24</xdr:col>
      <xdr:colOff>63500</xdr:colOff>
      <xdr:row>97</xdr:row>
      <xdr:rowOff>12699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3797300" y="16754366"/>
          <a:ext cx="838200" cy="3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8340</xdr:rowOff>
    </xdr:from>
    <xdr:ext cx="534377" cy="259045"/>
    <xdr:sp macro="" textlink="">
      <xdr:nvSpPr>
        <xdr:cNvPr id="230" name="衛生費平均値テキスト">
          <a:extLst>
            <a:ext uri="{FF2B5EF4-FFF2-40B4-BE49-F238E27FC236}">
              <a16:creationId xmlns:a16="http://schemas.microsoft.com/office/drawing/2014/main" id="{00000000-0008-0000-0700-0000E6000000}"/>
            </a:ext>
          </a:extLst>
        </xdr:cNvPr>
        <xdr:cNvSpPr txBox="1"/>
      </xdr:nvSpPr>
      <xdr:spPr>
        <a:xfrm>
          <a:off x="4686300" y="16426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5463</xdr:rowOff>
    </xdr:from>
    <xdr:to>
      <xdr:col>24</xdr:col>
      <xdr:colOff>114300</xdr:colOff>
      <xdr:row>97</xdr:row>
      <xdr:rowOff>45613</xdr:rowOff>
    </xdr:to>
    <xdr:sp macro="" textlink="">
      <xdr:nvSpPr>
        <xdr:cNvPr id="231" name="フローチャート: 判断 230">
          <a:extLst>
            <a:ext uri="{FF2B5EF4-FFF2-40B4-BE49-F238E27FC236}">
              <a16:creationId xmlns:a16="http://schemas.microsoft.com/office/drawing/2014/main" id="{00000000-0008-0000-0700-0000E7000000}"/>
            </a:ext>
          </a:extLst>
        </xdr:cNvPr>
        <xdr:cNvSpPr/>
      </xdr:nvSpPr>
      <xdr:spPr>
        <a:xfrm>
          <a:off x="4584700" y="16574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26994</xdr:rowOff>
    </xdr:from>
    <xdr:to>
      <xdr:col>19</xdr:col>
      <xdr:colOff>177800</xdr:colOff>
      <xdr:row>97</xdr:row>
      <xdr:rowOff>169921</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2908300" y="16757644"/>
          <a:ext cx="889000" cy="42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1041</xdr:rowOff>
    </xdr:from>
    <xdr:to>
      <xdr:col>20</xdr:col>
      <xdr:colOff>38100</xdr:colOff>
      <xdr:row>97</xdr:row>
      <xdr:rowOff>51191</xdr:rowOff>
    </xdr:to>
    <xdr:sp macro="" textlink="">
      <xdr:nvSpPr>
        <xdr:cNvPr id="233" name="フローチャート: 判断 232">
          <a:extLst>
            <a:ext uri="{FF2B5EF4-FFF2-40B4-BE49-F238E27FC236}">
              <a16:creationId xmlns:a16="http://schemas.microsoft.com/office/drawing/2014/main" id="{00000000-0008-0000-0700-0000E9000000}"/>
            </a:ext>
          </a:extLst>
        </xdr:cNvPr>
        <xdr:cNvSpPr/>
      </xdr:nvSpPr>
      <xdr:spPr>
        <a:xfrm>
          <a:off x="3746500" y="16580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7718</xdr:rowOff>
    </xdr:from>
    <xdr:ext cx="534377" cy="259045"/>
    <xdr:sp macro="" textlink="">
      <xdr:nvSpPr>
        <xdr:cNvPr id="234" name="テキスト ボックス 233">
          <a:extLst>
            <a:ext uri="{FF2B5EF4-FFF2-40B4-BE49-F238E27FC236}">
              <a16:creationId xmlns:a16="http://schemas.microsoft.com/office/drawing/2014/main" id="{00000000-0008-0000-0700-0000EA000000}"/>
            </a:ext>
          </a:extLst>
        </xdr:cNvPr>
        <xdr:cNvSpPr txBox="1"/>
      </xdr:nvSpPr>
      <xdr:spPr>
        <a:xfrm>
          <a:off x="3530111" y="16355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9921</xdr:rowOff>
    </xdr:from>
    <xdr:to>
      <xdr:col>15</xdr:col>
      <xdr:colOff>50800</xdr:colOff>
      <xdr:row>98</xdr:row>
      <xdr:rowOff>10449</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2019300" y="16800571"/>
          <a:ext cx="889000" cy="11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3064</xdr:rowOff>
    </xdr:from>
    <xdr:to>
      <xdr:col>15</xdr:col>
      <xdr:colOff>101600</xdr:colOff>
      <xdr:row>97</xdr:row>
      <xdr:rowOff>83214</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2857500" y="16612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9741</xdr:rowOff>
    </xdr:from>
    <xdr:ext cx="534377" cy="259045"/>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2641111" y="16387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4147</xdr:rowOff>
    </xdr:from>
    <xdr:to>
      <xdr:col>10</xdr:col>
      <xdr:colOff>114300</xdr:colOff>
      <xdr:row>98</xdr:row>
      <xdr:rowOff>10449</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1130300" y="16784797"/>
          <a:ext cx="889000" cy="27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613</xdr:rowOff>
    </xdr:from>
    <xdr:to>
      <xdr:col>10</xdr:col>
      <xdr:colOff>165100</xdr:colOff>
      <xdr:row>97</xdr:row>
      <xdr:rowOff>112213</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1968500" y="1664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28740</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1752111" y="1641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990</xdr:rowOff>
    </xdr:from>
    <xdr:to>
      <xdr:col>6</xdr:col>
      <xdr:colOff>38100</xdr:colOff>
      <xdr:row>97</xdr:row>
      <xdr:rowOff>116590</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1079500" y="16645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33117</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863111" y="16420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72916</xdr:rowOff>
    </xdr:from>
    <xdr:to>
      <xdr:col>24</xdr:col>
      <xdr:colOff>114300</xdr:colOff>
      <xdr:row>98</xdr:row>
      <xdr:rowOff>3066</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4584700" y="16703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59293</xdr:rowOff>
    </xdr:from>
    <xdr:ext cx="534377" cy="259045"/>
    <xdr:sp macro="" textlink="">
      <xdr:nvSpPr>
        <xdr:cNvPr id="249" name="衛生費該当値テキスト">
          <a:extLst>
            <a:ext uri="{FF2B5EF4-FFF2-40B4-BE49-F238E27FC236}">
              <a16:creationId xmlns:a16="http://schemas.microsoft.com/office/drawing/2014/main" id="{00000000-0008-0000-0700-0000F9000000}"/>
            </a:ext>
          </a:extLst>
        </xdr:cNvPr>
        <xdr:cNvSpPr txBox="1"/>
      </xdr:nvSpPr>
      <xdr:spPr>
        <a:xfrm>
          <a:off x="4686300" y="16618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76194</xdr:rowOff>
    </xdr:from>
    <xdr:to>
      <xdr:col>20</xdr:col>
      <xdr:colOff>38100</xdr:colOff>
      <xdr:row>98</xdr:row>
      <xdr:rowOff>6344</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3746500" y="1670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68921</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530111" y="16799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9121</xdr:rowOff>
    </xdr:from>
    <xdr:to>
      <xdr:col>15</xdr:col>
      <xdr:colOff>101600</xdr:colOff>
      <xdr:row>98</xdr:row>
      <xdr:rowOff>49271</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2857500" y="1674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0398</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2641111" y="16842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1099</xdr:rowOff>
    </xdr:from>
    <xdr:to>
      <xdr:col>10</xdr:col>
      <xdr:colOff>165100</xdr:colOff>
      <xdr:row>98</xdr:row>
      <xdr:rowOff>61249</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1968500" y="16761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2376</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752111" y="16854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3347</xdr:rowOff>
    </xdr:from>
    <xdr:to>
      <xdr:col>6</xdr:col>
      <xdr:colOff>38100</xdr:colOff>
      <xdr:row>98</xdr:row>
      <xdr:rowOff>33497</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1079500" y="16733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4624</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863111" y="1682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7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6345</xdr:rowOff>
    </xdr:from>
    <xdr:to>
      <xdr:col>54</xdr:col>
      <xdr:colOff>189865</xdr:colOff>
      <xdr:row>39</xdr:row>
      <xdr:rowOff>98878</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flipV="1">
          <a:off x="10475595" y="5219845"/>
          <a:ext cx="1270" cy="1565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84" name="労働費最小値テキスト">
          <a:extLst>
            <a:ext uri="{FF2B5EF4-FFF2-40B4-BE49-F238E27FC236}">
              <a16:creationId xmlns:a16="http://schemas.microsoft.com/office/drawing/2014/main" id="{00000000-0008-0000-0700-00001C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3022</xdr:rowOff>
    </xdr:from>
    <xdr:ext cx="469744" cy="259045"/>
    <xdr:sp macro="" textlink="">
      <xdr:nvSpPr>
        <xdr:cNvPr id="286" name="労働費最大値テキスト">
          <a:extLst>
            <a:ext uri="{FF2B5EF4-FFF2-40B4-BE49-F238E27FC236}">
              <a16:creationId xmlns:a16="http://schemas.microsoft.com/office/drawing/2014/main" id="{00000000-0008-0000-0700-00001E010000}"/>
            </a:ext>
          </a:extLst>
        </xdr:cNvPr>
        <xdr:cNvSpPr txBox="1"/>
      </xdr:nvSpPr>
      <xdr:spPr>
        <a:xfrm>
          <a:off x="10528300" y="4995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9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6345</xdr:rowOff>
    </xdr:from>
    <xdr:to>
      <xdr:col>55</xdr:col>
      <xdr:colOff>88900</xdr:colOff>
      <xdr:row>30</xdr:row>
      <xdr:rowOff>76345</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521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72753</xdr:rowOff>
    </xdr:from>
    <xdr:to>
      <xdr:col>55</xdr:col>
      <xdr:colOff>0</xdr:colOff>
      <xdr:row>38</xdr:row>
      <xdr:rowOff>84836</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9639300" y="6587853"/>
          <a:ext cx="838200" cy="12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851</xdr:rowOff>
    </xdr:from>
    <xdr:ext cx="378565" cy="259045"/>
    <xdr:sp macro="" textlink="">
      <xdr:nvSpPr>
        <xdr:cNvPr id="289" name="労働費平均値テキスト">
          <a:extLst>
            <a:ext uri="{FF2B5EF4-FFF2-40B4-BE49-F238E27FC236}">
              <a16:creationId xmlns:a16="http://schemas.microsoft.com/office/drawing/2014/main" id="{00000000-0008-0000-0700-000021010000}"/>
            </a:ext>
          </a:extLst>
        </xdr:cNvPr>
        <xdr:cNvSpPr txBox="1"/>
      </xdr:nvSpPr>
      <xdr:spPr>
        <a:xfrm>
          <a:off x="10528300" y="65249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31424</xdr:rowOff>
    </xdr:from>
    <xdr:to>
      <xdr:col>55</xdr:col>
      <xdr:colOff>50800</xdr:colOff>
      <xdr:row>38</xdr:row>
      <xdr:rowOff>133024</xdr:rowOff>
    </xdr:to>
    <xdr:sp macro="" textlink="">
      <xdr:nvSpPr>
        <xdr:cNvPr id="290" name="フローチャート: 判断 289">
          <a:extLst>
            <a:ext uri="{FF2B5EF4-FFF2-40B4-BE49-F238E27FC236}">
              <a16:creationId xmlns:a16="http://schemas.microsoft.com/office/drawing/2014/main" id="{00000000-0008-0000-0700-000022010000}"/>
            </a:ext>
          </a:extLst>
        </xdr:cNvPr>
        <xdr:cNvSpPr/>
      </xdr:nvSpPr>
      <xdr:spPr>
        <a:xfrm>
          <a:off x="10426700" y="6546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8507</xdr:rowOff>
    </xdr:from>
    <xdr:to>
      <xdr:col>50</xdr:col>
      <xdr:colOff>114300</xdr:colOff>
      <xdr:row>38</xdr:row>
      <xdr:rowOff>84836</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8750300" y="6583607"/>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9969</xdr:rowOff>
    </xdr:from>
    <xdr:to>
      <xdr:col>50</xdr:col>
      <xdr:colOff>165100</xdr:colOff>
      <xdr:row>38</xdr:row>
      <xdr:rowOff>80119</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9588500" y="649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6646</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9450017" y="62688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0343</xdr:rowOff>
    </xdr:from>
    <xdr:to>
      <xdr:col>45</xdr:col>
      <xdr:colOff>177800</xdr:colOff>
      <xdr:row>38</xdr:row>
      <xdr:rowOff>68507</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7861300" y="6575443"/>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49058</xdr:rowOff>
    </xdr:from>
    <xdr:to>
      <xdr:col>46</xdr:col>
      <xdr:colOff>38100</xdr:colOff>
      <xdr:row>38</xdr:row>
      <xdr:rowOff>15065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8699500" y="656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41785</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8561017" y="66568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1402</xdr:rowOff>
    </xdr:from>
    <xdr:to>
      <xdr:col>41</xdr:col>
      <xdr:colOff>50800</xdr:colOff>
      <xdr:row>38</xdr:row>
      <xdr:rowOff>60343</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6972300" y="6556502"/>
          <a:ext cx="889000" cy="18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8484</xdr:rowOff>
    </xdr:from>
    <xdr:to>
      <xdr:col>41</xdr:col>
      <xdr:colOff>101600</xdr:colOff>
      <xdr:row>38</xdr:row>
      <xdr:rowOff>130084</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7810500" y="6543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21211</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2017" y="66363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79</xdr:rowOff>
    </xdr:from>
    <xdr:to>
      <xdr:col>36</xdr:col>
      <xdr:colOff>165100</xdr:colOff>
      <xdr:row>38</xdr:row>
      <xdr:rowOff>102979</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6921500" y="6516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94106</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6783017" y="66092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1953</xdr:rowOff>
    </xdr:from>
    <xdr:to>
      <xdr:col>55</xdr:col>
      <xdr:colOff>50800</xdr:colOff>
      <xdr:row>38</xdr:row>
      <xdr:rowOff>123553</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10426700" y="6537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4830</xdr:rowOff>
    </xdr:from>
    <xdr:ext cx="378565" cy="259045"/>
    <xdr:sp macro="" textlink="">
      <xdr:nvSpPr>
        <xdr:cNvPr id="308" name="労働費該当値テキスト">
          <a:extLst>
            <a:ext uri="{FF2B5EF4-FFF2-40B4-BE49-F238E27FC236}">
              <a16:creationId xmlns:a16="http://schemas.microsoft.com/office/drawing/2014/main" id="{00000000-0008-0000-0700-000034010000}"/>
            </a:ext>
          </a:extLst>
        </xdr:cNvPr>
        <xdr:cNvSpPr txBox="1"/>
      </xdr:nvSpPr>
      <xdr:spPr>
        <a:xfrm>
          <a:off x="10528300" y="63884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34036</xdr:rowOff>
    </xdr:from>
    <xdr:to>
      <xdr:col>50</xdr:col>
      <xdr:colOff>165100</xdr:colOff>
      <xdr:row>38</xdr:row>
      <xdr:rowOff>135636</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9588500" y="6549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26763</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50017" y="66418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7707</xdr:rowOff>
    </xdr:from>
    <xdr:to>
      <xdr:col>46</xdr:col>
      <xdr:colOff>38100</xdr:colOff>
      <xdr:row>38</xdr:row>
      <xdr:rowOff>119307</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8699500" y="6532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35834</xdr:rowOff>
    </xdr:from>
    <xdr:ext cx="378565"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8561017" y="63080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9543</xdr:rowOff>
    </xdr:from>
    <xdr:to>
      <xdr:col>41</xdr:col>
      <xdr:colOff>101600</xdr:colOff>
      <xdr:row>38</xdr:row>
      <xdr:rowOff>111143</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7810500" y="6524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27670</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7672017" y="6299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2052</xdr:rowOff>
    </xdr:from>
    <xdr:to>
      <xdr:col>36</xdr:col>
      <xdr:colOff>165100</xdr:colOff>
      <xdr:row>38</xdr:row>
      <xdr:rowOff>92202</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6921500" y="6505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08729</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6783017" y="62809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7965</xdr:rowOff>
    </xdr:from>
    <xdr:to>
      <xdr:col>54</xdr:col>
      <xdr:colOff>189865</xdr:colOff>
      <xdr:row>59</xdr:row>
      <xdr:rowOff>3145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flipV="1">
          <a:off x="10475595" y="8781915"/>
          <a:ext cx="1270" cy="1365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5277</xdr:rowOff>
    </xdr:from>
    <xdr:ext cx="469744" cy="259045"/>
    <xdr:sp macro="" textlink="">
      <xdr:nvSpPr>
        <xdr:cNvPr id="341" name="農林水産業費最小値テキスト">
          <a:extLst>
            <a:ext uri="{FF2B5EF4-FFF2-40B4-BE49-F238E27FC236}">
              <a16:creationId xmlns:a16="http://schemas.microsoft.com/office/drawing/2014/main" id="{00000000-0008-0000-0700-000055010000}"/>
            </a:ext>
          </a:extLst>
        </xdr:cNvPr>
        <xdr:cNvSpPr txBox="1"/>
      </xdr:nvSpPr>
      <xdr:spPr>
        <a:xfrm>
          <a:off x="10528300" y="1015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1450</xdr:rowOff>
    </xdr:from>
    <xdr:to>
      <xdr:col>55</xdr:col>
      <xdr:colOff>88900</xdr:colOff>
      <xdr:row>59</xdr:row>
      <xdr:rowOff>31450</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10388600" y="10147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6092</xdr:rowOff>
    </xdr:from>
    <xdr:ext cx="599010" cy="259045"/>
    <xdr:sp macro="" textlink="">
      <xdr:nvSpPr>
        <xdr:cNvPr id="343" name="農林水産業費最大値テキスト">
          <a:extLst>
            <a:ext uri="{FF2B5EF4-FFF2-40B4-BE49-F238E27FC236}">
              <a16:creationId xmlns:a16="http://schemas.microsoft.com/office/drawing/2014/main" id="{00000000-0008-0000-0700-000057010000}"/>
            </a:ext>
          </a:extLst>
        </xdr:cNvPr>
        <xdr:cNvSpPr txBox="1"/>
      </xdr:nvSpPr>
      <xdr:spPr>
        <a:xfrm>
          <a:off x="10528300" y="85571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0,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7965</xdr:rowOff>
    </xdr:from>
    <xdr:to>
      <xdr:col>55</xdr:col>
      <xdr:colOff>88900</xdr:colOff>
      <xdr:row>51</xdr:row>
      <xdr:rowOff>37965</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8781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38039</xdr:rowOff>
    </xdr:from>
    <xdr:to>
      <xdr:col>55</xdr:col>
      <xdr:colOff>0</xdr:colOff>
      <xdr:row>58</xdr:row>
      <xdr:rowOff>146086</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9639300" y="10082139"/>
          <a:ext cx="838200" cy="8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1051</xdr:rowOff>
    </xdr:from>
    <xdr:ext cx="534377" cy="259045"/>
    <xdr:sp macro="" textlink="">
      <xdr:nvSpPr>
        <xdr:cNvPr id="346" name="農林水産業費平均値テキスト">
          <a:extLst>
            <a:ext uri="{FF2B5EF4-FFF2-40B4-BE49-F238E27FC236}">
              <a16:creationId xmlns:a16="http://schemas.microsoft.com/office/drawing/2014/main" id="{00000000-0008-0000-0700-00005A010000}"/>
            </a:ext>
          </a:extLst>
        </xdr:cNvPr>
        <xdr:cNvSpPr txBox="1"/>
      </xdr:nvSpPr>
      <xdr:spPr>
        <a:xfrm>
          <a:off x="10528300" y="97222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8174</xdr:rowOff>
    </xdr:from>
    <xdr:to>
      <xdr:col>55</xdr:col>
      <xdr:colOff>50800</xdr:colOff>
      <xdr:row>58</xdr:row>
      <xdr:rowOff>28324</xdr:rowOff>
    </xdr:to>
    <xdr:sp macro="" textlink="">
      <xdr:nvSpPr>
        <xdr:cNvPr id="347" name="フローチャート: 判断 346">
          <a:extLst>
            <a:ext uri="{FF2B5EF4-FFF2-40B4-BE49-F238E27FC236}">
              <a16:creationId xmlns:a16="http://schemas.microsoft.com/office/drawing/2014/main" id="{00000000-0008-0000-0700-00005B010000}"/>
            </a:ext>
          </a:extLst>
        </xdr:cNvPr>
        <xdr:cNvSpPr/>
      </xdr:nvSpPr>
      <xdr:spPr>
        <a:xfrm>
          <a:off x="10426700" y="9870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5773</xdr:rowOff>
    </xdr:from>
    <xdr:to>
      <xdr:col>50</xdr:col>
      <xdr:colOff>114300</xdr:colOff>
      <xdr:row>58</xdr:row>
      <xdr:rowOff>146086</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8750300" y="10089873"/>
          <a:ext cx="889000" cy="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06144</xdr:rowOff>
    </xdr:from>
    <xdr:to>
      <xdr:col>50</xdr:col>
      <xdr:colOff>165100</xdr:colOff>
      <xdr:row>58</xdr:row>
      <xdr:rowOff>36294</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9588500" y="9878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52821</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9372111" y="9654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5773</xdr:rowOff>
    </xdr:from>
    <xdr:to>
      <xdr:col>45</xdr:col>
      <xdr:colOff>177800</xdr:colOff>
      <xdr:row>58</xdr:row>
      <xdr:rowOff>153797</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flipV="1">
          <a:off x="7861300" y="10089873"/>
          <a:ext cx="889000" cy="8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84076</xdr:rowOff>
    </xdr:from>
    <xdr:to>
      <xdr:col>46</xdr:col>
      <xdr:colOff>38100</xdr:colOff>
      <xdr:row>58</xdr:row>
      <xdr:rowOff>14226</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8699500" y="985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30753</xdr:rowOff>
    </xdr:from>
    <xdr:ext cx="534377"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8483111" y="963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42192</xdr:rowOff>
    </xdr:from>
    <xdr:to>
      <xdr:col>41</xdr:col>
      <xdr:colOff>50800</xdr:colOff>
      <xdr:row>58</xdr:row>
      <xdr:rowOff>153797</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6972300" y="10086292"/>
          <a:ext cx="889000" cy="11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6416</xdr:rowOff>
    </xdr:from>
    <xdr:to>
      <xdr:col>41</xdr:col>
      <xdr:colOff>101600</xdr:colOff>
      <xdr:row>58</xdr:row>
      <xdr:rowOff>46566</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7810500" y="98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3093</xdr:rowOff>
    </xdr:from>
    <xdr:ext cx="534377"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594111" y="966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8611</xdr:rowOff>
    </xdr:from>
    <xdr:to>
      <xdr:col>36</xdr:col>
      <xdr:colOff>165100</xdr:colOff>
      <xdr:row>58</xdr:row>
      <xdr:rowOff>48761</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6921500" y="989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65288</xdr:rowOff>
    </xdr:from>
    <xdr:ext cx="534377"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6705111" y="966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87239</xdr:rowOff>
    </xdr:from>
    <xdr:to>
      <xdr:col>55</xdr:col>
      <xdr:colOff>50800</xdr:colOff>
      <xdr:row>59</xdr:row>
      <xdr:rowOff>17389</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10426700" y="10031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166</xdr:rowOff>
    </xdr:from>
    <xdr:ext cx="534377" cy="259045"/>
    <xdr:sp macro="" textlink="">
      <xdr:nvSpPr>
        <xdr:cNvPr id="365" name="農林水産業費該当値テキスト">
          <a:extLst>
            <a:ext uri="{FF2B5EF4-FFF2-40B4-BE49-F238E27FC236}">
              <a16:creationId xmlns:a16="http://schemas.microsoft.com/office/drawing/2014/main" id="{00000000-0008-0000-0700-00006D010000}"/>
            </a:ext>
          </a:extLst>
        </xdr:cNvPr>
        <xdr:cNvSpPr txBox="1"/>
      </xdr:nvSpPr>
      <xdr:spPr>
        <a:xfrm>
          <a:off x="10528300" y="9946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95286</xdr:rowOff>
    </xdr:from>
    <xdr:to>
      <xdr:col>50</xdr:col>
      <xdr:colOff>165100</xdr:colOff>
      <xdr:row>59</xdr:row>
      <xdr:rowOff>25436</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9588500" y="10039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6563</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9404428" y="10132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94973</xdr:rowOff>
    </xdr:from>
    <xdr:to>
      <xdr:col>46</xdr:col>
      <xdr:colOff>38100</xdr:colOff>
      <xdr:row>59</xdr:row>
      <xdr:rowOff>25123</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8699500" y="10039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6250</xdr:rowOff>
    </xdr:from>
    <xdr:ext cx="469744"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8515428" y="10131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02997</xdr:rowOff>
    </xdr:from>
    <xdr:to>
      <xdr:col>41</xdr:col>
      <xdr:colOff>101600</xdr:colOff>
      <xdr:row>59</xdr:row>
      <xdr:rowOff>33147</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7810500" y="10047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24274</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26428" y="10139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1392</xdr:rowOff>
    </xdr:from>
    <xdr:to>
      <xdr:col>36</xdr:col>
      <xdr:colOff>165100</xdr:colOff>
      <xdr:row>59</xdr:row>
      <xdr:rowOff>21542</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6921500" y="10035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2669</xdr:rowOff>
    </xdr:from>
    <xdr:ext cx="469744"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6737428" y="10128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a16="http://schemas.microsoft.com/office/drawing/2014/main"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60033</xdr:rowOff>
    </xdr:from>
    <xdr:to>
      <xdr:col>54</xdr:col>
      <xdr:colOff>189865</xdr:colOff>
      <xdr:row>79</xdr:row>
      <xdr:rowOff>16078</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flipV="1">
          <a:off x="10475595" y="11990083"/>
          <a:ext cx="1270" cy="1570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9905</xdr:rowOff>
    </xdr:from>
    <xdr:ext cx="469744" cy="259045"/>
    <xdr:sp macro="" textlink="">
      <xdr:nvSpPr>
        <xdr:cNvPr id="398" name="商工費最小値テキスト">
          <a:extLst>
            <a:ext uri="{FF2B5EF4-FFF2-40B4-BE49-F238E27FC236}">
              <a16:creationId xmlns:a16="http://schemas.microsoft.com/office/drawing/2014/main" id="{00000000-0008-0000-0700-00008E010000}"/>
            </a:ext>
          </a:extLst>
        </xdr:cNvPr>
        <xdr:cNvSpPr txBox="1"/>
      </xdr:nvSpPr>
      <xdr:spPr>
        <a:xfrm>
          <a:off x="10528300" y="13564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6078</xdr:rowOff>
    </xdr:from>
    <xdr:to>
      <xdr:col>55</xdr:col>
      <xdr:colOff>88900</xdr:colOff>
      <xdr:row>79</xdr:row>
      <xdr:rowOff>16078</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10388600" y="13560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6710</xdr:rowOff>
    </xdr:from>
    <xdr:ext cx="599010" cy="259045"/>
    <xdr:sp macro="" textlink="">
      <xdr:nvSpPr>
        <xdr:cNvPr id="400" name="商工費最大値テキスト">
          <a:extLst>
            <a:ext uri="{FF2B5EF4-FFF2-40B4-BE49-F238E27FC236}">
              <a16:creationId xmlns:a16="http://schemas.microsoft.com/office/drawing/2014/main" id="{00000000-0008-0000-0700-000090010000}"/>
            </a:ext>
          </a:extLst>
        </xdr:cNvPr>
        <xdr:cNvSpPr txBox="1"/>
      </xdr:nvSpPr>
      <xdr:spPr>
        <a:xfrm>
          <a:off x="10528300" y="117653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89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60033</xdr:rowOff>
    </xdr:from>
    <xdr:to>
      <xdr:col>55</xdr:col>
      <xdr:colOff>88900</xdr:colOff>
      <xdr:row>69</xdr:row>
      <xdr:rowOff>160033</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1990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9154</xdr:rowOff>
    </xdr:from>
    <xdr:to>
      <xdr:col>55</xdr:col>
      <xdr:colOff>0</xdr:colOff>
      <xdr:row>78</xdr:row>
      <xdr:rowOff>9112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9639300" y="13462254"/>
          <a:ext cx="838200" cy="1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955</xdr:rowOff>
    </xdr:from>
    <xdr:ext cx="534377" cy="259045"/>
    <xdr:sp macro="" textlink="">
      <xdr:nvSpPr>
        <xdr:cNvPr id="403" name="商工費平均値テキスト">
          <a:extLst>
            <a:ext uri="{FF2B5EF4-FFF2-40B4-BE49-F238E27FC236}">
              <a16:creationId xmlns:a16="http://schemas.microsoft.com/office/drawing/2014/main" id="{00000000-0008-0000-0700-000093010000}"/>
            </a:ext>
          </a:extLst>
        </xdr:cNvPr>
        <xdr:cNvSpPr txBox="1"/>
      </xdr:nvSpPr>
      <xdr:spPr>
        <a:xfrm>
          <a:off x="10528300" y="13042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0528</xdr:rowOff>
    </xdr:from>
    <xdr:to>
      <xdr:col>55</xdr:col>
      <xdr:colOff>50800</xdr:colOff>
      <xdr:row>77</xdr:row>
      <xdr:rowOff>90678</xdr:rowOff>
    </xdr:to>
    <xdr:sp macro="" textlink="">
      <xdr:nvSpPr>
        <xdr:cNvPr id="404" name="フローチャート: 判断 403">
          <a:extLst>
            <a:ext uri="{FF2B5EF4-FFF2-40B4-BE49-F238E27FC236}">
              <a16:creationId xmlns:a16="http://schemas.microsoft.com/office/drawing/2014/main" id="{00000000-0008-0000-0700-000094010000}"/>
            </a:ext>
          </a:extLst>
        </xdr:cNvPr>
        <xdr:cNvSpPr/>
      </xdr:nvSpPr>
      <xdr:spPr>
        <a:xfrm>
          <a:off x="10426700" y="13190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1123</xdr:rowOff>
    </xdr:from>
    <xdr:to>
      <xdr:col>50</xdr:col>
      <xdr:colOff>114300</xdr:colOff>
      <xdr:row>78</xdr:row>
      <xdr:rowOff>95377</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8750300" y="13464223"/>
          <a:ext cx="889000" cy="4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76</xdr:rowOff>
    </xdr:from>
    <xdr:to>
      <xdr:col>50</xdr:col>
      <xdr:colOff>165100</xdr:colOff>
      <xdr:row>77</xdr:row>
      <xdr:rowOff>103276</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9588500" y="13203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19803</xdr:rowOff>
    </xdr:from>
    <xdr:ext cx="534377"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9372111" y="12978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5377</xdr:rowOff>
    </xdr:from>
    <xdr:to>
      <xdr:col>45</xdr:col>
      <xdr:colOff>177800</xdr:colOff>
      <xdr:row>78</xdr:row>
      <xdr:rowOff>111989</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flipV="1">
          <a:off x="7861300" y="13468477"/>
          <a:ext cx="889000" cy="16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1846</xdr:rowOff>
    </xdr:from>
    <xdr:to>
      <xdr:col>46</xdr:col>
      <xdr:colOff>38100</xdr:colOff>
      <xdr:row>77</xdr:row>
      <xdr:rowOff>71996</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8699500" y="13172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8523</xdr:rowOff>
    </xdr:from>
    <xdr:ext cx="534377"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8483111" y="12947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0413</xdr:rowOff>
    </xdr:from>
    <xdr:to>
      <xdr:col>41</xdr:col>
      <xdr:colOff>50800</xdr:colOff>
      <xdr:row>78</xdr:row>
      <xdr:rowOff>111989</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6972300" y="13483513"/>
          <a:ext cx="889000" cy="1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98146</xdr:rowOff>
    </xdr:from>
    <xdr:to>
      <xdr:col>41</xdr:col>
      <xdr:colOff>101600</xdr:colOff>
      <xdr:row>78</xdr:row>
      <xdr:rowOff>28296</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7810500" y="13299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44823</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7594111" y="1307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1185</xdr:rowOff>
    </xdr:from>
    <xdr:to>
      <xdr:col>36</xdr:col>
      <xdr:colOff>165100</xdr:colOff>
      <xdr:row>78</xdr:row>
      <xdr:rowOff>71335</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6921500" y="1334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7862</xdr:rowOff>
    </xdr:from>
    <xdr:ext cx="534377"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6705111" y="13118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8354</xdr:rowOff>
    </xdr:from>
    <xdr:to>
      <xdr:col>55</xdr:col>
      <xdr:colOff>50800</xdr:colOff>
      <xdr:row>78</xdr:row>
      <xdr:rowOff>139954</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10426700" y="13411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4731</xdr:rowOff>
    </xdr:from>
    <xdr:ext cx="469744" cy="259045"/>
    <xdr:sp macro="" textlink="">
      <xdr:nvSpPr>
        <xdr:cNvPr id="422" name="商工費該当値テキスト">
          <a:extLst>
            <a:ext uri="{FF2B5EF4-FFF2-40B4-BE49-F238E27FC236}">
              <a16:creationId xmlns:a16="http://schemas.microsoft.com/office/drawing/2014/main" id="{00000000-0008-0000-0700-0000A6010000}"/>
            </a:ext>
          </a:extLst>
        </xdr:cNvPr>
        <xdr:cNvSpPr txBox="1"/>
      </xdr:nvSpPr>
      <xdr:spPr>
        <a:xfrm>
          <a:off x="10528300" y="13326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0323</xdr:rowOff>
    </xdr:from>
    <xdr:to>
      <xdr:col>50</xdr:col>
      <xdr:colOff>165100</xdr:colOff>
      <xdr:row>78</xdr:row>
      <xdr:rowOff>141923</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9588500" y="13413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3050</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9404428" y="13506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4577</xdr:rowOff>
    </xdr:from>
    <xdr:to>
      <xdr:col>46</xdr:col>
      <xdr:colOff>38100</xdr:colOff>
      <xdr:row>78</xdr:row>
      <xdr:rowOff>146177</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8699500" y="1341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37304</xdr:rowOff>
    </xdr:from>
    <xdr:ext cx="469744"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8515428" y="13510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1189</xdr:rowOff>
    </xdr:from>
    <xdr:to>
      <xdr:col>41</xdr:col>
      <xdr:colOff>101600</xdr:colOff>
      <xdr:row>78</xdr:row>
      <xdr:rowOff>162789</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7810500" y="13434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3916</xdr:rowOff>
    </xdr:from>
    <xdr:ext cx="469744"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26428" y="13527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9613</xdr:rowOff>
    </xdr:from>
    <xdr:to>
      <xdr:col>36</xdr:col>
      <xdr:colOff>165100</xdr:colOff>
      <xdr:row>78</xdr:row>
      <xdr:rowOff>161213</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6921500" y="1343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2340</xdr:rowOff>
    </xdr:from>
    <xdr:ext cx="469744"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6737428" y="13525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a16="http://schemas.microsoft.com/office/drawing/2014/main"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土木費グラフ枠">
          <a:extLst>
            <a:ext uri="{FF2B5EF4-FFF2-40B4-BE49-F238E27FC236}">
              <a16:creationId xmlns:a16="http://schemas.microsoft.com/office/drawing/2014/main" id="{00000000-0008-0000-07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421</xdr:rowOff>
    </xdr:from>
    <xdr:to>
      <xdr:col>54</xdr:col>
      <xdr:colOff>189865</xdr:colOff>
      <xdr:row>97</xdr:row>
      <xdr:rowOff>83762</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flipV="1">
          <a:off x="10475595" y="15524921"/>
          <a:ext cx="1270" cy="1189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7589</xdr:rowOff>
    </xdr:from>
    <xdr:ext cx="534377" cy="259045"/>
    <xdr:sp macro="" textlink="">
      <xdr:nvSpPr>
        <xdr:cNvPr id="451" name="土木費最小値テキスト">
          <a:extLst>
            <a:ext uri="{FF2B5EF4-FFF2-40B4-BE49-F238E27FC236}">
              <a16:creationId xmlns:a16="http://schemas.microsoft.com/office/drawing/2014/main" id="{00000000-0008-0000-0700-0000C3010000}"/>
            </a:ext>
          </a:extLst>
        </xdr:cNvPr>
        <xdr:cNvSpPr txBox="1"/>
      </xdr:nvSpPr>
      <xdr:spPr>
        <a:xfrm>
          <a:off x="10528300" y="1671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83762</xdr:rowOff>
    </xdr:from>
    <xdr:to>
      <xdr:col>55</xdr:col>
      <xdr:colOff>88900</xdr:colOff>
      <xdr:row>97</xdr:row>
      <xdr:rowOff>83762</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388600" y="16714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098</xdr:rowOff>
    </xdr:from>
    <xdr:ext cx="599010" cy="259045"/>
    <xdr:sp macro="" textlink="">
      <xdr:nvSpPr>
        <xdr:cNvPr id="453" name="土木費最大値テキスト">
          <a:extLst>
            <a:ext uri="{FF2B5EF4-FFF2-40B4-BE49-F238E27FC236}">
              <a16:creationId xmlns:a16="http://schemas.microsoft.com/office/drawing/2014/main" id="{00000000-0008-0000-0700-0000C5010000}"/>
            </a:ext>
          </a:extLst>
        </xdr:cNvPr>
        <xdr:cNvSpPr txBox="1"/>
      </xdr:nvSpPr>
      <xdr:spPr>
        <a:xfrm>
          <a:off x="10528300" y="153001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92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4421</xdr:rowOff>
    </xdr:from>
    <xdr:to>
      <xdr:col>55</xdr:col>
      <xdr:colOff>88900</xdr:colOff>
      <xdr:row>90</xdr:row>
      <xdr:rowOff>94421</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10388600" y="15524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39083</xdr:rowOff>
    </xdr:from>
    <xdr:to>
      <xdr:col>55</xdr:col>
      <xdr:colOff>0</xdr:colOff>
      <xdr:row>97</xdr:row>
      <xdr:rowOff>9706</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flipV="1">
          <a:off x="9639300" y="16598283"/>
          <a:ext cx="838200" cy="42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47690</xdr:rowOff>
    </xdr:from>
    <xdr:ext cx="534377" cy="259045"/>
    <xdr:sp macro="" textlink="">
      <xdr:nvSpPr>
        <xdr:cNvPr id="456" name="土木費平均値テキスト">
          <a:extLst>
            <a:ext uri="{FF2B5EF4-FFF2-40B4-BE49-F238E27FC236}">
              <a16:creationId xmlns:a16="http://schemas.microsoft.com/office/drawing/2014/main" id="{00000000-0008-0000-0700-0000C8010000}"/>
            </a:ext>
          </a:extLst>
        </xdr:cNvPr>
        <xdr:cNvSpPr txBox="1"/>
      </xdr:nvSpPr>
      <xdr:spPr>
        <a:xfrm>
          <a:off x="10528300" y="162639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24813</xdr:rowOff>
    </xdr:from>
    <xdr:to>
      <xdr:col>55</xdr:col>
      <xdr:colOff>50800</xdr:colOff>
      <xdr:row>96</xdr:row>
      <xdr:rowOff>54963</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10426700" y="1641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59331</xdr:rowOff>
    </xdr:from>
    <xdr:to>
      <xdr:col>50</xdr:col>
      <xdr:colOff>114300</xdr:colOff>
      <xdr:row>97</xdr:row>
      <xdr:rowOff>9706</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8750300" y="16618531"/>
          <a:ext cx="889000" cy="21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41918</xdr:rowOff>
    </xdr:from>
    <xdr:to>
      <xdr:col>50</xdr:col>
      <xdr:colOff>165100</xdr:colOff>
      <xdr:row>96</xdr:row>
      <xdr:rowOff>72068</xdr:rowOff>
    </xdr:to>
    <xdr:sp macro="" textlink="">
      <xdr:nvSpPr>
        <xdr:cNvPr id="459" name="フローチャート: 判断 458">
          <a:extLst>
            <a:ext uri="{FF2B5EF4-FFF2-40B4-BE49-F238E27FC236}">
              <a16:creationId xmlns:a16="http://schemas.microsoft.com/office/drawing/2014/main" id="{00000000-0008-0000-0700-0000CB010000}"/>
            </a:ext>
          </a:extLst>
        </xdr:cNvPr>
        <xdr:cNvSpPr/>
      </xdr:nvSpPr>
      <xdr:spPr>
        <a:xfrm>
          <a:off x="9588500" y="16429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8595</xdr:rowOff>
    </xdr:from>
    <xdr:ext cx="534377"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9372111" y="16204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67611</xdr:rowOff>
    </xdr:from>
    <xdr:to>
      <xdr:col>45</xdr:col>
      <xdr:colOff>177800</xdr:colOff>
      <xdr:row>96</xdr:row>
      <xdr:rowOff>159331</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7861300" y="16526811"/>
          <a:ext cx="889000" cy="91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8139</xdr:rowOff>
    </xdr:from>
    <xdr:to>
      <xdr:col>46</xdr:col>
      <xdr:colOff>38100</xdr:colOff>
      <xdr:row>96</xdr:row>
      <xdr:rowOff>58289</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8699500" y="1641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74816</xdr:rowOff>
    </xdr:from>
    <xdr:ext cx="534377"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8483111" y="16191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41928</xdr:rowOff>
    </xdr:from>
    <xdr:to>
      <xdr:col>41</xdr:col>
      <xdr:colOff>50800</xdr:colOff>
      <xdr:row>96</xdr:row>
      <xdr:rowOff>67611</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972300" y="16329678"/>
          <a:ext cx="889000" cy="197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2829</xdr:rowOff>
    </xdr:from>
    <xdr:to>
      <xdr:col>41</xdr:col>
      <xdr:colOff>101600</xdr:colOff>
      <xdr:row>96</xdr:row>
      <xdr:rowOff>92979</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7810500" y="1645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09506</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7594111" y="1622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0611</xdr:rowOff>
    </xdr:from>
    <xdr:to>
      <xdr:col>36</xdr:col>
      <xdr:colOff>165100</xdr:colOff>
      <xdr:row>96</xdr:row>
      <xdr:rowOff>80761</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69215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71888</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6705111" y="16531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283</xdr:rowOff>
    </xdr:from>
    <xdr:to>
      <xdr:col>55</xdr:col>
      <xdr:colOff>50800</xdr:colOff>
      <xdr:row>97</xdr:row>
      <xdr:rowOff>18433</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10426700" y="16547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3210</xdr:rowOff>
    </xdr:from>
    <xdr:ext cx="534377" cy="259045"/>
    <xdr:sp macro="" textlink="">
      <xdr:nvSpPr>
        <xdr:cNvPr id="475" name="土木費該当値テキスト">
          <a:extLst>
            <a:ext uri="{FF2B5EF4-FFF2-40B4-BE49-F238E27FC236}">
              <a16:creationId xmlns:a16="http://schemas.microsoft.com/office/drawing/2014/main" id="{00000000-0008-0000-0700-0000DB010000}"/>
            </a:ext>
          </a:extLst>
        </xdr:cNvPr>
        <xdr:cNvSpPr txBox="1"/>
      </xdr:nvSpPr>
      <xdr:spPr>
        <a:xfrm>
          <a:off x="10528300" y="16462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0356</xdr:rowOff>
    </xdr:from>
    <xdr:to>
      <xdr:col>50</xdr:col>
      <xdr:colOff>165100</xdr:colOff>
      <xdr:row>97</xdr:row>
      <xdr:rowOff>60506</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9588500" y="16589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1633</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682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08531</xdr:rowOff>
    </xdr:from>
    <xdr:to>
      <xdr:col>46</xdr:col>
      <xdr:colOff>38100</xdr:colOff>
      <xdr:row>97</xdr:row>
      <xdr:rowOff>38681</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8699500" y="1656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29808</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483111" y="16660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811</xdr:rowOff>
    </xdr:from>
    <xdr:to>
      <xdr:col>41</xdr:col>
      <xdr:colOff>101600</xdr:colOff>
      <xdr:row>96</xdr:row>
      <xdr:rowOff>118411</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7810500" y="16476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9538</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56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62578</xdr:rowOff>
    </xdr:from>
    <xdr:to>
      <xdr:col>36</xdr:col>
      <xdr:colOff>165100</xdr:colOff>
      <xdr:row>95</xdr:row>
      <xdr:rowOff>92728</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6921500" y="1627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09255</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054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7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9761</xdr:rowOff>
    </xdr:from>
    <xdr:to>
      <xdr:col>85</xdr:col>
      <xdr:colOff>126364</xdr:colOff>
      <xdr:row>38</xdr:row>
      <xdr:rowOff>28421</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313261"/>
          <a:ext cx="1269" cy="1230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2248</xdr:rowOff>
    </xdr:from>
    <xdr:ext cx="534377"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54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8421</xdr:rowOff>
    </xdr:from>
    <xdr:to>
      <xdr:col>86</xdr:col>
      <xdr:colOff>25400</xdr:colOff>
      <xdr:row>38</xdr:row>
      <xdr:rowOff>28421</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543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6438</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5088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0,15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9761</xdr:rowOff>
    </xdr:from>
    <xdr:to>
      <xdr:col>86</xdr:col>
      <xdr:colOff>25400</xdr:colOff>
      <xdr:row>30</xdr:row>
      <xdr:rowOff>169761</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3132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64899</xdr:rowOff>
    </xdr:from>
    <xdr:to>
      <xdr:col>85</xdr:col>
      <xdr:colOff>127000</xdr:colOff>
      <xdr:row>37</xdr:row>
      <xdr:rowOff>91923</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5481300" y="6408549"/>
          <a:ext cx="838200" cy="27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40956</xdr:rowOff>
    </xdr:from>
    <xdr:ext cx="534377"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1417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079</xdr:rowOff>
    </xdr:from>
    <xdr:to>
      <xdr:col>85</xdr:col>
      <xdr:colOff>177800</xdr:colOff>
      <xdr:row>37</xdr:row>
      <xdr:rowOff>48229</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290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42361</xdr:rowOff>
    </xdr:from>
    <xdr:to>
      <xdr:col>81</xdr:col>
      <xdr:colOff>50800</xdr:colOff>
      <xdr:row>37</xdr:row>
      <xdr:rowOff>64899</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4592300" y="6314561"/>
          <a:ext cx="889000" cy="9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93635</xdr:rowOff>
    </xdr:from>
    <xdr:to>
      <xdr:col>81</xdr:col>
      <xdr:colOff>101600</xdr:colOff>
      <xdr:row>37</xdr:row>
      <xdr:rowOff>23785</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6265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40312</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14111" y="6041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74908</xdr:rowOff>
    </xdr:from>
    <xdr:to>
      <xdr:col>76</xdr:col>
      <xdr:colOff>114300</xdr:colOff>
      <xdr:row>36</xdr:row>
      <xdr:rowOff>142361</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3703300" y="6247108"/>
          <a:ext cx="889000" cy="6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6469</xdr:rowOff>
    </xdr:from>
    <xdr:to>
      <xdr:col>76</xdr:col>
      <xdr:colOff>165100</xdr:colOff>
      <xdr:row>36</xdr:row>
      <xdr:rowOff>138069</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20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54596</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25111" y="598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74908</xdr:rowOff>
    </xdr:from>
    <xdr:to>
      <xdr:col>71</xdr:col>
      <xdr:colOff>177800</xdr:colOff>
      <xdr:row>37</xdr:row>
      <xdr:rowOff>131111</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2814300" y="6247108"/>
          <a:ext cx="889000" cy="227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7237</xdr:rowOff>
    </xdr:from>
    <xdr:to>
      <xdr:col>72</xdr:col>
      <xdr:colOff>38100</xdr:colOff>
      <xdr:row>37</xdr:row>
      <xdr:rowOff>37387</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279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28514</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36111" y="6372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7962</xdr:rowOff>
    </xdr:from>
    <xdr:to>
      <xdr:col>67</xdr:col>
      <xdr:colOff>101600</xdr:colOff>
      <xdr:row>37</xdr:row>
      <xdr:rowOff>28112</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27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44639</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47111" y="604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1123</xdr:rowOff>
    </xdr:from>
    <xdr:to>
      <xdr:col>85</xdr:col>
      <xdr:colOff>177800</xdr:colOff>
      <xdr:row>37</xdr:row>
      <xdr:rowOff>142723</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6384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27500</xdr:rowOff>
    </xdr:from>
    <xdr:ext cx="534377"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629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099</xdr:rowOff>
    </xdr:from>
    <xdr:to>
      <xdr:col>81</xdr:col>
      <xdr:colOff>101600</xdr:colOff>
      <xdr:row>37</xdr:row>
      <xdr:rowOff>115699</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6357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6826</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14111" y="6450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1561</xdr:rowOff>
    </xdr:from>
    <xdr:to>
      <xdr:col>76</xdr:col>
      <xdr:colOff>165100</xdr:colOff>
      <xdr:row>37</xdr:row>
      <xdr:rowOff>21711</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6263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2838</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325111" y="635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24108</xdr:rowOff>
    </xdr:from>
    <xdr:to>
      <xdr:col>72</xdr:col>
      <xdr:colOff>38100</xdr:colOff>
      <xdr:row>36</xdr:row>
      <xdr:rowOff>125708</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6196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42235</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36111" y="5971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0311</xdr:rowOff>
    </xdr:from>
    <xdr:to>
      <xdr:col>67</xdr:col>
      <xdr:colOff>101600</xdr:colOff>
      <xdr:row>38</xdr:row>
      <xdr:rowOff>10461</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6423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588</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47111" y="6516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教育費グラフ枠">
          <a:extLst>
            <a:ext uri="{FF2B5EF4-FFF2-40B4-BE49-F238E27FC236}">
              <a16:creationId xmlns:a16="http://schemas.microsoft.com/office/drawing/2014/main" id="{00000000-0008-0000-07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8949</xdr:rowOff>
    </xdr:from>
    <xdr:to>
      <xdr:col>85</xdr:col>
      <xdr:colOff>126364</xdr:colOff>
      <xdr:row>57</xdr:row>
      <xdr:rowOff>166245</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flipV="1">
          <a:off x="16317595" y="8802899"/>
          <a:ext cx="1269" cy="11359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70072</xdr:rowOff>
    </xdr:from>
    <xdr:ext cx="534377" cy="259045"/>
    <xdr:sp macro="" textlink="">
      <xdr:nvSpPr>
        <xdr:cNvPr id="565" name="教育費最小値テキスト">
          <a:extLst>
            <a:ext uri="{FF2B5EF4-FFF2-40B4-BE49-F238E27FC236}">
              <a16:creationId xmlns:a16="http://schemas.microsoft.com/office/drawing/2014/main" id="{00000000-0008-0000-0700-000035020000}"/>
            </a:ext>
          </a:extLst>
        </xdr:cNvPr>
        <xdr:cNvSpPr txBox="1"/>
      </xdr:nvSpPr>
      <xdr:spPr>
        <a:xfrm>
          <a:off x="16370300" y="9942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6245</xdr:rowOff>
    </xdr:from>
    <xdr:to>
      <xdr:col>86</xdr:col>
      <xdr:colOff>25400</xdr:colOff>
      <xdr:row>57</xdr:row>
      <xdr:rowOff>166245</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6230600" y="9938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5626</xdr:rowOff>
    </xdr:from>
    <xdr:ext cx="599010" cy="259045"/>
    <xdr:sp macro="" textlink="">
      <xdr:nvSpPr>
        <xdr:cNvPr id="567" name="教育費最大値テキスト">
          <a:extLst>
            <a:ext uri="{FF2B5EF4-FFF2-40B4-BE49-F238E27FC236}">
              <a16:creationId xmlns:a16="http://schemas.microsoft.com/office/drawing/2014/main" id="{00000000-0008-0000-0700-000037020000}"/>
            </a:ext>
          </a:extLst>
        </xdr:cNvPr>
        <xdr:cNvSpPr txBox="1"/>
      </xdr:nvSpPr>
      <xdr:spPr>
        <a:xfrm>
          <a:off x="16370300" y="8578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8949</xdr:rowOff>
    </xdr:from>
    <xdr:to>
      <xdr:col>86</xdr:col>
      <xdr:colOff>25400</xdr:colOff>
      <xdr:row>51</xdr:row>
      <xdr:rowOff>58949</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6230600" y="8802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2</xdr:row>
      <xdr:rowOff>103810</xdr:rowOff>
    </xdr:from>
    <xdr:to>
      <xdr:col>85</xdr:col>
      <xdr:colOff>127000</xdr:colOff>
      <xdr:row>56</xdr:row>
      <xdr:rowOff>32693</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5481300" y="9019210"/>
          <a:ext cx="838200" cy="614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91015</xdr:rowOff>
    </xdr:from>
    <xdr:ext cx="534377" cy="259045"/>
    <xdr:sp macro="" textlink="">
      <xdr:nvSpPr>
        <xdr:cNvPr id="570" name="教育費平均値テキスト">
          <a:extLst>
            <a:ext uri="{FF2B5EF4-FFF2-40B4-BE49-F238E27FC236}">
              <a16:creationId xmlns:a16="http://schemas.microsoft.com/office/drawing/2014/main" id="{00000000-0008-0000-0700-00003A020000}"/>
            </a:ext>
          </a:extLst>
        </xdr:cNvPr>
        <xdr:cNvSpPr txBox="1"/>
      </xdr:nvSpPr>
      <xdr:spPr>
        <a:xfrm>
          <a:off x="16370300" y="96922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8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2588</xdr:rowOff>
    </xdr:from>
    <xdr:to>
      <xdr:col>85</xdr:col>
      <xdr:colOff>177800</xdr:colOff>
      <xdr:row>57</xdr:row>
      <xdr:rowOff>42738</xdr:rowOff>
    </xdr:to>
    <xdr:sp macro="" textlink="">
      <xdr:nvSpPr>
        <xdr:cNvPr id="571" name="フローチャート: 判断 570">
          <a:extLst>
            <a:ext uri="{FF2B5EF4-FFF2-40B4-BE49-F238E27FC236}">
              <a16:creationId xmlns:a16="http://schemas.microsoft.com/office/drawing/2014/main" id="{00000000-0008-0000-0700-00003B020000}"/>
            </a:ext>
          </a:extLst>
        </xdr:cNvPr>
        <xdr:cNvSpPr/>
      </xdr:nvSpPr>
      <xdr:spPr>
        <a:xfrm>
          <a:off x="16268700" y="9713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2</xdr:row>
      <xdr:rowOff>103810</xdr:rowOff>
    </xdr:from>
    <xdr:to>
      <xdr:col>81</xdr:col>
      <xdr:colOff>50800</xdr:colOff>
      <xdr:row>56</xdr:row>
      <xdr:rowOff>39276</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4592300" y="9019210"/>
          <a:ext cx="889000" cy="621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5157</xdr:rowOff>
    </xdr:from>
    <xdr:to>
      <xdr:col>81</xdr:col>
      <xdr:colOff>101600</xdr:colOff>
      <xdr:row>57</xdr:row>
      <xdr:rowOff>45307</xdr:rowOff>
    </xdr:to>
    <xdr:sp macro="" textlink="">
      <xdr:nvSpPr>
        <xdr:cNvPr id="573" name="フローチャート: 判断 572">
          <a:extLst>
            <a:ext uri="{FF2B5EF4-FFF2-40B4-BE49-F238E27FC236}">
              <a16:creationId xmlns:a16="http://schemas.microsoft.com/office/drawing/2014/main" id="{00000000-0008-0000-0700-00003D020000}"/>
            </a:ext>
          </a:extLst>
        </xdr:cNvPr>
        <xdr:cNvSpPr/>
      </xdr:nvSpPr>
      <xdr:spPr>
        <a:xfrm>
          <a:off x="15430500" y="971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36434</xdr:rowOff>
    </xdr:from>
    <xdr:ext cx="534377"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5214111" y="9809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39276</xdr:rowOff>
    </xdr:from>
    <xdr:to>
      <xdr:col>76</xdr:col>
      <xdr:colOff>114300</xdr:colOff>
      <xdr:row>57</xdr:row>
      <xdr:rowOff>107271</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flipV="1">
          <a:off x="13703300" y="9640476"/>
          <a:ext cx="889000" cy="239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65610</xdr:rowOff>
    </xdr:from>
    <xdr:to>
      <xdr:col>76</xdr:col>
      <xdr:colOff>165100</xdr:colOff>
      <xdr:row>56</xdr:row>
      <xdr:rowOff>167210</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4541500" y="9666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58337</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4325111" y="9759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7271</xdr:rowOff>
    </xdr:from>
    <xdr:to>
      <xdr:col>71</xdr:col>
      <xdr:colOff>177800</xdr:colOff>
      <xdr:row>57</xdr:row>
      <xdr:rowOff>12485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2814300" y="9879921"/>
          <a:ext cx="889000" cy="17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8758</xdr:rowOff>
    </xdr:from>
    <xdr:to>
      <xdr:col>72</xdr:col>
      <xdr:colOff>38100</xdr:colOff>
      <xdr:row>57</xdr:row>
      <xdr:rowOff>28908</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3652500" y="969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45435</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3436111" y="9475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1715</xdr:rowOff>
    </xdr:from>
    <xdr:to>
      <xdr:col>67</xdr:col>
      <xdr:colOff>101600</xdr:colOff>
      <xdr:row>57</xdr:row>
      <xdr:rowOff>71865</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27635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8392</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2547111" y="951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3343</xdr:rowOff>
    </xdr:from>
    <xdr:to>
      <xdr:col>85</xdr:col>
      <xdr:colOff>177800</xdr:colOff>
      <xdr:row>56</xdr:row>
      <xdr:rowOff>83493</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6268700" y="9583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4770</xdr:rowOff>
    </xdr:from>
    <xdr:ext cx="534377" cy="259045"/>
    <xdr:sp macro="" textlink="">
      <xdr:nvSpPr>
        <xdr:cNvPr id="589" name="教育費該当値テキスト">
          <a:extLst>
            <a:ext uri="{FF2B5EF4-FFF2-40B4-BE49-F238E27FC236}">
              <a16:creationId xmlns:a16="http://schemas.microsoft.com/office/drawing/2014/main" id="{00000000-0008-0000-0700-00004D020000}"/>
            </a:ext>
          </a:extLst>
        </xdr:cNvPr>
        <xdr:cNvSpPr txBox="1"/>
      </xdr:nvSpPr>
      <xdr:spPr>
        <a:xfrm>
          <a:off x="16370300" y="9434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2</xdr:row>
      <xdr:rowOff>53010</xdr:rowOff>
    </xdr:from>
    <xdr:to>
      <xdr:col>81</xdr:col>
      <xdr:colOff>101600</xdr:colOff>
      <xdr:row>52</xdr:row>
      <xdr:rowOff>154610</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5430500" y="8968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0</xdr:row>
      <xdr:rowOff>171137</xdr:rowOff>
    </xdr:from>
    <xdr:ext cx="59901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5181795" y="8743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59926</xdr:rowOff>
    </xdr:from>
    <xdr:to>
      <xdr:col>76</xdr:col>
      <xdr:colOff>165100</xdr:colOff>
      <xdr:row>56</xdr:row>
      <xdr:rowOff>90076</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4541500" y="958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6603</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325111" y="9364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56471</xdr:rowOff>
    </xdr:from>
    <xdr:to>
      <xdr:col>72</xdr:col>
      <xdr:colOff>38100</xdr:colOff>
      <xdr:row>57</xdr:row>
      <xdr:rowOff>158071</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3652500" y="9829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49198</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3436111" y="9921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74054</xdr:rowOff>
    </xdr:from>
    <xdr:to>
      <xdr:col>67</xdr:col>
      <xdr:colOff>101600</xdr:colOff>
      <xdr:row>58</xdr:row>
      <xdr:rowOff>4204</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2763500" y="9846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66781</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547111" y="9939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id="{00000000-0008-0000-07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a:extLst>
            <a:ext uri="{FF2B5EF4-FFF2-40B4-BE49-F238E27FC236}">
              <a16:creationId xmlns:a16="http://schemas.microsoft.com/office/drawing/2014/main" id="{00000000-0008-0000-07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8844</xdr:rowOff>
    </xdr:from>
    <xdr:to>
      <xdr:col>85</xdr:col>
      <xdr:colOff>126364</xdr:colOff>
      <xdr:row>79</xdr:row>
      <xdr:rowOff>444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flipV="1">
          <a:off x="16317595" y="12321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2" name="災害復旧費最小値テキスト">
          <a:extLst>
            <a:ext uri="{FF2B5EF4-FFF2-40B4-BE49-F238E27FC236}">
              <a16:creationId xmlns:a16="http://schemas.microsoft.com/office/drawing/2014/main" id="{00000000-0008-0000-0700-00006E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5521</xdr:rowOff>
    </xdr:from>
    <xdr:ext cx="534377" cy="259045"/>
    <xdr:sp macro="" textlink="">
      <xdr:nvSpPr>
        <xdr:cNvPr id="624" name="災害復旧費最大値テキスト">
          <a:extLst>
            <a:ext uri="{FF2B5EF4-FFF2-40B4-BE49-F238E27FC236}">
              <a16:creationId xmlns:a16="http://schemas.microsoft.com/office/drawing/2014/main" id="{00000000-0008-0000-0700-000070020000}"/>
            </a:ext>
          </a:extLst>
        </xdr:cNvPr>
        <xdr:cNvSpPr txBox="1"/>
      </xdr:nvSpPr>
      <xdr:spPr>
        <a:xfrm>
          <a:off x="16370300" y="1209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5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8844</xdr:rowOff>
    </xdr:from>
    <xdr:to>
      <xdr:col>86</xdr:col>
      <xdr:colOff>25400</xdr:colOff>
      <xdr:row>71</xdr:row>
      <xdr:rowOff>148844</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6230600" y="12321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6812</xdr:rowOff>
    </xdr:from>
    <xdr:to>
      <xdr:col>85</xdr:col>
      <xdr:colOff>127000</xdr:colOff>
      <xdr:row>79</xdr:row>
      <xdr:rowOff>444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5481300" y="13581362"/>
          <a:ext cx="838200" cy="7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818</xdr:rowOff>
    </xdr:from>
    <xdr:ext cx="469744" cy="259045"/>
    <xdr:sp macro="" textlink="">
      <xdr:nvSpPr>
        <xdr:cNvPr id="627" name="災害復旧費平均値テキスト">
          <a:extLst>
            <a:ext uri="{FF2B5EF4-FFF2-40B4-BE49-F238E27FC236}">
              <a16:creationId xmlns:a16="http://schemas.microsoft.com/office/drawing/2014/main" id="{00000000-0008-0000-0700-000073020000}"/>
            </a:ext>
          </a:extLst>
        </xdr:cNvPr>
        <xdr:cNvSpPr txBox="1"/>
      </xdr:nvSpPr>
      <xdr:spPr>
        <a:xfrm>
          <a:off x="16370300" y="132584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941</xdr:rowOff>
    </xdr:from>
    <xdr:to>
      <xdr:col>85</xdr:col>
      <xdr:colOff>177800</xdr:colOff>
      <xdr:row>78</xdr:row>
      <xdr:rowOff>135541</xdr:rowOff>
    </xdr:to>
    <xdr:sp macro="" textlink="">
      <xdr:nvSpPr>
        <xdr:cNvPr id="628" name="フローチャート: 判断 627">
          <a:extLst>
            <a:ext uri="{FF2B5EF4-FFF2-40B4-BE49-F238E27FC236}">
              <a16:creationId xmlns:a16="http://schemas.microsoft.com/office/drawing/2014/main" id="{00000000-0008-0000-0700-000074020000}"/>
            </a:ext>
          </a:extLst>
        </xdr:cNvPr>
        <xdr:cNvSpPr/>
      </xdr:nvSpPr>
      <xdr:spPr>
        <a:xfrm>
          <a:off x="16268700" y="1340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63018</xdr:rowOff>
    </xdr:from>
    <xdr:to>
      <xdr:col>81</xdr:col>
      <xdr:colOff>50800</xdr:colOff>
      <xdr:row>79</xdr:row>
      <xdr:rowOff>36812</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4592300" y="13536118"/>
          <a:ext cx="889000" cy="4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3407</xdr:rowOff>
    </xdr:from>
    <xdr:to>
      <xdr:col>81</xdr:col>
      <xdr:colOff>101600</xdr:colOff>
      <xdr:row>78</xdr:row>
      <xdr:rowOff>135007</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5430500" y="13406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1534</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5246428" y="13181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63018</xdr:rowOff>
    </xdr:from>
    <xdr:to>
      <xdr:col>76</xdr:col>
      <xdr:colOff>114300</xdr:colOff>
      <xdr:row>79</xdr:row>
      <xdr:rowOff>17151</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flipV="1">
          <a:off x="13703300" y="13536118"/>
          <a:ext cx="889000" cy="25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5106</xdr:rowOff>
    </xdr:from>
    <xdr:to>
      <xdr:col>76</xdr:col>
      <xdr:colOff>165100</xdr:colOff>
      <xdr:row>78</xdr:row>
      <xdr:rowOff>166706</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4541500" y="1343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1783</xdr:rowOff>
    </xdr:from>
    <xdr:ext cx="469744"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4357428" y="13213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17151</xdr:rowOff>
    </xdr:from>
    <xdr:to>
      <xdr:col>71</xdr:col>
      <xdr:colOff>1778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flipV="1">
          <a:off x="12814300" y="13561701"/>
          <a:ext cx="889000" cy="27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0590</xdr:rowOff>
    </xdr:from>
    <xdr:to>
      <xdr:col>72</xdr:col>
      <xdr:colOff>38100</xdr:colOff>
      <xdr:row>78</xdr:row>
      <xdr:rowOff>142190</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3652500" y="13413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58717</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468428" y="1318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5718</xdr:rowOff>
    </xdr:from>
    <xdr:to>
      <xdr:col>67</xdr:col>
      <xdr:colOff>101600</xdr:colOff>
      <xdr:row>79</xdr:row>
      <xdr:rowOff>5868</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2763500" y="134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22395</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2579428" y="1322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46" name="災害復旧費該当値テキスト">
          <a:extLst>
            <a:ext uri="{FF2B5EF4-FFF2-40B4-BE49-F238E27FC236}">
              <a16:creationId xmlns:a16="http://schemas.microsoft.com/office/drawing/2014/main" id="{00000000-0008-0000-0700-000086020000}"/>
            </a:ext>
          </a:extLst>
        </xdr:cNvPr>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7462</xdr:rowOff>
    </xdr:from>
    <xdr:to>
      <xdr:col>81</xdr:col>
      <xdr:colOff>101600</xdr:colOff>
      <xdr:row>79</xdr:row>
      <xdr:rowOff>87612</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5430500" y="13530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8739</xdr:rowOff>
    </xdr:from>
    <xdr:ext cx="378565"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2017" y="1362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12218</xdr:rowOff>
    </xdr:from>
    <xdr:to>
      <xdr:col>76</xdr:col>
      <xdr:colOff>165100</xdr:colOff>
      <xdr:row>79</xdr:row>
      <xdr:rowOff>42368</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4541500" y="13485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33495</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357428" y="13578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37801</xdr:rowOff>
    </xdr:from>
    <xdr:to>
      <xdr:col>72</xdr:col>
      <xdr:colOff>38100</xdr:colOff>
      <xdr:row>79</xdr:row>
      <xdr:rowOff>67951</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3652500" y="13510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59078</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468428" y="13603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公債費グラフ枠">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6857</xdr:rowOff>
    </xdr:from>
    <xdr:to>
      <xdr:col>85</xdr:col>
      <xdr:colOff>126364</xdr:colOff>
      <xdr:row>99</xdr:row>
      <xdr:rowOff>11768</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flipV="1">
          <a:off x="16317595" y="15678807"/>
          <a:ext cx="1269" cy="1306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5595</xdr:rowOff>
    </xdr:from>
    <xdr:ext cx="469744" cy="259045"/>
    <xdr:sp macro="" textlink="">
      <xdr:nvSpPr>
        <xdr:cNvPr id="679" name="公債費最小値テキスト">
          <a:extLst>
            <a:ext uri="{FF2B5EF4-FFF2-40B4-BE49-F238E27FC236}">
              <a16:creationId xmlns:a16="http://schemas.microsoft.com/office/drawing/2014/main" id="{00000000-0008-0000-0700-0000A7020000}"/>
            </a:ext>
          </a:extLst>
        </xdr:cNvPr>
        <xdr:cNvSpPr txBox="1"/>
      </xdr:nvSpPr>
      <xdr:spPr>
        <a:xfrm>
          <a:off x="16370300" y="16989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68</xdr:rowOff>
    </xdr:from>
    <xdr:to>
      <xdr:col>86</xdr:col>
      <xdr:colOff>25400</xdr:colOff>
      <xdr:row>99</xdr:row>
      <xdr:rowOff>11768</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6230600" y="16985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3534</xdr:rowOff>
    </xdr:from>
    <xdr:ext cx="599010" cy="259045"/>
    <xdr:sp macro="" textlink="">
      <xdr:nvSpPr>
        <xdr:cNvPr id="681" name="公債費最大値テキスト">
          <a:extLst>
            <a:ext uri="{FF2B5EF4-FFF2-40B4-BE49-F238E27FC236}">
              <a16:creationId xmlns:a16="http://schemas.microsoft.com/office/drawing/2014/main" id="{00000000-0008-0000-0700-0000A9020000}"/>
            </a:ext>
          </a:extLst>
        </xdr:cNvPr>
        <xdr:cNvSpPr txBox="1"/>
      </xdr:nvSpPr>
      <xdr:spPr>
        <a:xfrm>
          <a:off x="16370300" y="15454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5,7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6857</xdr:rowOff>
    </xdr:from>
    <xdr:to>
      <xdr:col>86</xdr:col>
      <xdr:colOff>25400</xdr:colOff>
      <xdr:row>91</xdr:row>
      <xdr:rowOff>76857</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6230600" y="15678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9701</xdr:rowOff>
    </xdr:from>
    <xdr:to>
      <xdr:col>85</xdr:col>
      <xdr:colOff>127000</xdr:colOff>
      <xdr:row>97</xdr:row>
      <xdr:rowOff>104267</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5481300" y="16710351"/>
          <a:ext cx="838200" cy="24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49857</xdr:rowOff>
    </xdr:from>
    <xdr:ext cx="534377" cy="259045"/>
    <xdr:sp macro="" textlink="">
      <xdr:nvSpPr>
        <xdr:cNvPr id="684" name="公債費平均値テキスト">
          <a:extLst>
            <a:ext uri="{FF2B5EF4-FFF2-40B4-BE49-F238E27FC236}">
              <a16:creationId xmlns:a16="http://schemas.microsoft.com/office/drawing/2014/main" id="{00000000-0008-0000-0700-0000AC020000}"/>
            </a:ext>
          </a:extLst>
        </xdr:cNvPr>
        <xdr:cNvSpPr txBox="1"/>
      </xdr:nvSpPr>
      <xdr:spPr>
        <a:xfrm>
          <a:off x="16370300" y="163376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6980</xdr:rowOff>
    </xdr:from>
    <xdr:to>
      <xdr:col>85</xdr:col>
      <xdr:colOff>177800</xdr:colOff>
      <xdr:row>96</xdr:row>
      <xdr:rowOff>128580</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6268700" y="164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4267</xdr:rowOff>
    </xdr:from>
    <xdr:to>
      <xdr:col>81</xdr:col>
      <xdr:colOff>50800</xdr:colOff>
      <xdr:row>97</xdr:row>
      <xdr:rowOff>117030</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4592300" y="16734917"/>
          <a:ext cx="889000" cy="12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316</xdr:rowOff>
    </xdr:from>
    <xdr:to>
      <xdr:col>81</xdr:col>
      <xdr:colOff>101600</xdr:colOff>
      <xdr:row>96</xdr:row>
      <xdr:rowOff>153916</xdr:rowOff>
    </xdr:to>
    <xdr:sp macro="" textlink="">
      <xdr:nvSpPr>
        <xdr:cNvPr id="687" name="フローチャート: 判断 686">
          <a:extLst>
            <a:ext uri="{FF2B5EF4-FFF2-40B4-BE49-F238E27FC236}">
              <a16:creationId xmlns:a16="http://schemas.microsoft.com/office/drawing/2014/main" id="{00000000-0008-0000-0700-0000AF020000}"/>
            </a:ext>
          </a:extLst>
        </xdr:cNvPr>
        <xdr:cNvSpPr/>
      </xdr:nvSpPr>
      <xdr:spPr>
        <a:xfrm>
          <a:off x="15430500" y="16511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443</xdr:rowOff>
    </xdr:from>
    <xdr:ext cx="534377"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5214111" y="16286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7030</xdr:rowOff>
    </xdr:from>
    <xdr:to>
      <xdr:col>76</xdr:col>
      <xdr:colOff>114300</xdr:colOff>
      <xdr:row>97</xdr:row>
      <xdr:rowOff>14774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flipV="1">
          <a:off x="13703300" y="16747680"/>
          <a:ext cx="8890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66810</xdr:rowOff>
    </xdr:from>
    <xdr:to>
      <xdr:col>76</xdr:col>
      <xdr:colOff>165100</xdr:colOff>
      <xdr:row>96</xdr:row>
      <xdr:rowOff>168410</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4541500" y="16526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487</xdr:rowOff>
    </xdr:from>
    <xdr:ext cx="534377"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4325111" y="16301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7871</xdr:rowOff>
    </xdr:from>
    <xdr:to>
      <xdr:col>71</xdr:col>
      <xdr:colOff>177800</xdr:colOff>
      <xdr:row>97</xdr:row>
      <xdr:rowOff>14774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814300" y="16768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6101</xdr:rowOff>
    </xdr:from>
    <xdr:to>
      <xdr:col>72</xdr:col>
      <xdr:colOff>38100</xdr:colOff>
      <xdr:row>97</xdr:row>
      <xdr:rowOff>26251</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3652500" y="1655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42778</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3436111" y="16330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9048</xdr:rowOff>
    </xdr:from>
    <xdr:to>
      <xdr:col>67</xdr:col>
      <xdr:colOff>101600</xdr:colOff>
      <xdr:row>97</xdr:row>
      <xdr:rowOff>39198</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27635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5725</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2547111" y="1634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8901</xdr:rowOff>
    </xdr:from>
    <xdr:to>
      <xdr:col>85</xdr:col>
      <xdr:colOff>177800</xdr:colOff>
      <xdr:row>97</xdr:row>
      <xdr:rowOff>130501</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6268700" y="16659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7328</xdr:rowOff>
    </xdr:from>
    <xdr:ext cx="534377" cy="259045"/>
    <xdr:sp macro="" textlink="">
      <xdr:nvSpPr>
        <xdr:cNvPr id="703" name="公債費該当値テキスト">
          <a:extLst>
            <a:ext uri="{FF2B5EF4-FFF2-40B4-BE49-F238E27FC236}">
              <a16:creationId xmlns:a16="http://schemas.microsoft.com/office/drawing/2014/main" id="{00000000-0008-0000-0700-0000BF020000}"/>
            </a:ext>
          </a:extLst>
        </xdr:cNvPr>
        <xdr:cNvSpPr txBox="1"/>
      </xdr:nvSpPr>
      <xdr:spPr>
        <a:xfrm>
          <a:off x="16370300" y="16637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3467</xdr:rowOff>
    </xdr:from>
    <xdr:to>
      <xdr:col>81</xdr:col>
      <xdr:colOff>101600</xdr:colOff>
      <xdr:row>97</xdr:row>
      <xdr:rowOff>155067</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5430500" y="16684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6194</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14111" y="16776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6230</xdr:rowOff>
    </xdr:from>
    <xdr:to>
      <xdr:col>76</xdr:col>
      <xdr:colOff>165100</xdr:colOff>
      <xdr:row>97</xdr:row>
      <xdr:rowOff>167830</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4541500" y="1669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8957</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325111" y="16789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6940</xdr:rowOff>
    </xdr:from>
    <xdr:to>
      <xdr:col>72</xdr:col>
      <xdr:colOff>38100</xdr:colOff>
      <xdr:row>98</xdr:row>
      <xdr:rowOff>27090</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3652500" y="16727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8217</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3436111" y="16820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7071</xdr:rowOff>
    </xdr:from>
    <xdr:to>
      <xdr:col>67</xdr:col>
      <xdr:colOff>101600</xdr:colOff>
      <xdr:row>98</xdr:row>
      <xdr:rowOff>17221</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2763500" y="16717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8348</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547111" y="16810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id="{00000000-0008-0000-07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5702</xdr:rowOff>
    </xdr:from>
    <xdr:to>
      <xdr:col>116</xdr:col>
      <xdr:colOff>62864</xdr:colOff>
      <xdr:row>39</xdr:row>
      <xdr:rowOff>444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flipV="1">
          <a:off x="22159595" y="5299202"/>
          <a:ext cx="1269" cy="1431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1071</xdr:rowOff>
    </xdr:from>
    <xdr:ext cx="249299" cy="259045"/>
    <xdr:sp macro="" textlink="">
      <xdr:nvSpPr>
        <xdr:cNvPr id="736" name="諸支出金最小値テキスト">
          <a:extLst>
            <a:ext uri="{FF2B5EF4-FFF2-40B4-BE49-F238E27FC236}">
              <a16:creationId xmlns:a16="http://schemas.microsoft.com/office/drawing/2014/main" id="{00000000-0008-0000-0700-0000E0020000}"/>
            </a:ext>
          </a:extLst>
        </xdr:cNvPr>
        <xdr:cNvSpPr txBox="1"/>
      </xdr:nvSpPr>
      <xdr:spPr>
        <a:xfrm>
          <a:off x="22212300" y="673762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2379</xdr:rowOff>
    </xdr:from>
    <xdr:ext cx="469744" cy="259045"/>
    <xdr:sp macro="" textlink="">
      <xdr:nvSpPr>
        <xdr:cNvPr id="738" name="諸支出金最大値テキスト">
          <a:extLst>
            <a:ext uri="{FF2B5EF4-FFF2-40B4-BE49-F238E27FC236}">
              <a16:creationId xmlns:a16="http://schemas.microsoft.com/office/drawing/2014/main" id="{00000000-0008-0000-0700-0000E2020000}"/>
            </a:ext>
          </a:extLst>
        </xdr:cNvPr>
        <xdr:cNvSpPr txBox="1"/>
      </xdr:nvSpPr>
      <xdr:spPr>
        <a:xfrm>
          <a:off x="22212300" y="5074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5702</xdr:rowOff>
    </xdr:from>
    <xdr:to>
      <xdr:col>116</xdr:col>
      <xdr:colOff>152400</xdr:colOff>
      <xdr:row>30</xdr:row>
      <xdr:rowOff>155702</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22072600" y="5299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9971</xdr:rowOff>
    </xdr:from>
    <xdr:ext cx="313932" cy="259045"/>
    <xdr:sp macro="" textlink="">
      <xdr:nvSpPr>
        <xdr:cNvPr id="741" name="諸支出金平均値テキスト">
          <a:extLst>
            <a:ext uri="{FF2B5EF4-FFF2-40B4-BE49-F238E27FC236}">
              <a16:creationId xmlns:a16="http://schemas.microsoft.com/office/drawing/2014/main" id="{00000000-0008-0000-0700-0000E5020000}"/>
            </a:ext>
          </a:extLst>
        </xdr:cNvPr>
        <xdr:cNvSpPr txBox="1"/>
      </xdr:nvSpPr>
      <xdr:spPr>
        <a:xfrm>
          <a:off x="22212300" y="648362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7094</xdr:rowOff>
    </xdr:from>
    <xdr:to>
      <xdr:col>116</xdr:col>
      <xdr:colOff>114300</xdr:colOff>
      <xdr:row>39</xdr:row>
      <xdr:rowOff>47244</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22110700" y="663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7470</xdr:rowOff>
    </xdr:from>
    <xdr:to>
      <xdr:col>112</xdr:col>
      <xdr:colOff>38100</xdr:colOff>
      <xdr:row>39</xdr:row>
      <xdr:rowOff>7620</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21272500" y="6592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24147</xdr:rowOff>
    </xdr:from>
    <xdr:ext cx="378565"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34017" y="6367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1572</xdr:rowOff>
    </xdr:from>
    <xdr:to>
      <xdr:col>107</xdr:col>
      <xdr:colOff>101600</xdr:colOff>
      <xdr:row>39</xdr:row>
      <xdr:rowOff>61722</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0383500" y="664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78249</xdr:rowOff>
    </xdr:from>
    <xdr:ext cx="313932"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0277333" y="64218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21844</xdr:rowOff>
    </xdr:from>
    <xdr:to>
      <xdr:col>102</xdr:col>
      <xdr:colOff>165100</xdr:colOff>
      <xdr:row>36</xdr:row>
      <xdr:rowOff>123444</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19494500" y="619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4</xdr:row>
      <xdr:rowOff>139971</xdr:rowOff>
    </xdr:from>
    <xdr:ext cx="378565"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9356017" y="5969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614</xdr:rowOff>
    </xdr:from>
    <xdr:to>
      <xdr:col>98</xdr:col>
      <xdr:colOff>38100</xdr:colOff>
      <xdr:row>39</xdr:row>
      <xdr:rowOff>16764</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18605500" y="6601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33291</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8467017" y="6376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5521</xdr:rowOff>
    </xdr:from>
    <xdr:ext cx="249299" cy="259045"/>
    <xdr:sp macro="" textlink="">
      <xdr:nvSpPr>
        <xdr:cNvPr id="760" name="諸支出金該当値テキスト">
          <a:extLst>
            <a:ext uri="{FF2B5EF4-FFF2-40B4-BE49-F238E27FC236}">
              <a16:creationId xmlns:a16="http://schemas.microsoft.com/office/drawing/2014/main" id="{00000000-0008-0000-0700-0000F8020000}"/>
            </a:ext>
          </a:extLst>
        </xdr:cNvPr>
        <xdr:cNvSpPr txBox="1"/>
      </xdr:nvSpPr>
      <xdr:spPr>
        <a:xfrm>
          <a:off x="22212300" y="661062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a:extLst>
            <a:ext uri="{FF2B5EF4-FFF2-40B4-BE49-F238E27FC236}">
              <a16:creationId xmlns:a16="http://schemas.microsoft.com/office/drawing/2014/main" id="{00000000-0008-0000-0700-00001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a:extLst>
            <a:ext uri="{FF2B5EF4-FFF2-40B4-BE49-F238E27FC236}">
              <a16:creationId xmlns:a16="http://schemas.microsoft.com/office/drawing/2014/main" id="{00000000-0008-0000-0700-00001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a:extLst>
            <a:ext uri="{FF2B5EF4-FFF2-40B4-BE49-F238E27FC236}">
              <a16:creationId xmlns:a16="http://schemas.microsoft.com/office/drawing/2014/main" id="{00000000-0008-0000-0700-00001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a:extLst>
            <a:ext uri="{FF2B5EF4-FFF2-40B4-BE49-F238E27FC236}">
              <a16:creationId xmlns:a16="http://schemas.microsoft.com/office/drawing/2014/main" id="{00000000-0008-0000-0700-00002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a:extLst>
            <a:ext uri="{FF2B5EF4-FFF2-40B4-BE49-F238E27FC236}">
              <a16:creationId xmlns:a16="http://schemas.microsoft.com/office/drawing/2014/main" id="{00000000-0008-0000-0700-00003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議会費、労働費及び教育費を除く項目で類似団体平均と比較して低い状況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４年度の特徴としては、公共施設の老朽化が進んでいるため、建替等の更新整備等に向けて公共施設等整備基金積立をしたことにより総務費が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松田小学校新校舎建設事業完了により教育費が減少したが、松田小学校校舎解体や松田小学校太陽光発電設備整備工事に伴い類似団体内平均よりも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近年は、大型公共施設整備事業に係る公債費が増加傾向にあるため、計画的な財政運営が必要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財政調整基金は令和２年度から継続して積立てをしているため、増加している。実質収支額は公債費、物件費及び扶助費の歳出が増となったため、対前年度比</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45</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ポイント減少となったが、継続的に黒字を確保している。実質単年度収支は、令和４年度の単年度収支が減となったため、減少している。</a:t>
          </a:r>
          <a:endPar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連結実質赤字比率において、過去赤字額が算出されたことはなく、常に黒字で推移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令和４年度の黒字額の標準財政規模比を見ると一般会計では、対前年度比</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45</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ポイントの減となっている。その要因は、公債費、物件費及び扶助費の歳出が増となったことによるところが大き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1796875" style="180" customWidth="1"/>
    <col min="13" max="17" width="2.36328125" style="180" customWidth="1"/>
    <col min="18" max="119" width="2.08984375" style="180" customWidth="1"/>
    <col min="120" max="16384" width="0" style="180" hidden="1"/>
  </cols>
  <sheetData>
    <row r="1" spans="1:119" ht="33" customHeight="1" x14ac:dyDescent="0.2">
      <c r="B1" s="415" t="s">
        <v>81</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2</v>
      </c>
      <c r="C2" s="182"/>
      <c r="D2" s="183"/>
    </row>
    <row r="3" spans="1:119" ht="18.75" customHeight="1" thickBot="1" x14ac:dyDescent="0.25">
      <c r="A3" s="181"/>
      <c r="B3" s="416" t="s">
        <v>83</v>
      </c>
      <c r="C3" s="417"/>
      <c r="D3" s="417"/>
      <c r="E3" s="418"/>
      <c r="F3" s="418"/>
      <c r="G3" s="418"/>
      <c r="H3" s="418"/>
      <c r="I3" s="418"/>
      <c r="J3" s="418"/>
      <c r="K3" s="418"/>
      <c r="L3" s="418" t="s">
        <v>84</v>
      </c>
      <c r="M3" s="418"/>
      <c r="N3" s="418"/>
      <c r="O3" s="418"/>
      <c r="P3" s="418"/>
      <c r="Q3" s="418"/>
      <c r="R3" s="425"/>
      <c r="S3" s="425"/>
      <c r="T3" s="425"/>
      <c r="U3" s="425"/>
      <c r="V3" s="426"/>
      <c r="W3" s="400" t="s">
        <v>85</v>
      </c>
      <c r="X3" s="401"/>
      <c r="Y3" s="401"/>
      <c r="Z3" s="401"/>
      <c r="AA3" s="401"/>
      <c r="AB3" s="417"/>
      <c r="AC3" s="425" t="s">
        <v>86</v>
      </c>
      <c r="AD3" s="401"/>
      <c r="AE3" s="401"/>
      <c r="AF3" s="401"/>
      <c r="AG3" s="401"/>
      <c r="AH3" s="401"/>
      <c r="AI3" s="401"/>
      <c r="AJ3" s="401"/>
      <c r="AK3" s="401"/>
      <c r="AL3" s="402"/>
      <c r="AM3" s="400" t="s">
        <v>87</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8</v>
      </c>
      <c r="BO3" s="401"/>
      <c r="BP3" s="401"/>
      <c r="BQ3" s="401"/>
      <c r="BR3" s="401"/>
      <c r="BS3" s="401"/>
      <c r="BT3" s="401"/>
      <c r="BU3" s="402"/>
      <c r="BV3" s="400" t="s">
        <v>89</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0</v>
      </c>
      <c r="CU3" s="401"/>
      <c r="CV3" s="401"/>
      <c r="CW3" s="401"/>
      <c r="CX3" s="401"/>
      <c r="CY3" s="401"/>
      <c r="CZ3" s="401"/>
      <c r="DA3" s="402"/>
      <c r="DB3" s="400" t="s">
        <v>91</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2</v>
      </c>
      <c r="AZ4" s="404"/>
      <c r="BA4" s="404"/>
      <c r="BB4" s="404"/>
      <c r="BC4" s="404"/>
      <c r="BD4" s="404"/>
      <c r="BE4" s="404"/>
      <c r="BF4" s="404"/>
      <c r="BG4" s="404"/>
      <c r="BH4" s="404"/>
      <c r="BI4" s="404"/>
      <c r="BJ4" s="404"/>
      <c r="BK4" s="404"/>
      <c r="BL4" s="404"/>
      <c r="BM4" s="405"/>
      <c r="BN4" s="406">
        <v>5733697</v>
      </c>
      <c r="BO4" s="407"/>
      <c r="BP4" s="407"/>
      <c r="BQ4" s="407"/>
      <c r="BR4" s="407"/>
      <c r="BS4" s="407"/>
      <c r="BT4" s="407"/>
      <c r="BU4" s="408"/>
      <c r="BV4" s="406">
        <v>7143485</v>
      </c>
      <c r="BW4" s="407"/>
      <c r="BX4" s="407"/>
      <c r="BY4" s="407"/>
      <c r="BZ4" s="407"/>
      <c r="CA4" s="407"/>
      <c r="CB4" s="407"/>
      <c r="CC4" s="408"/>
      <c r="CD4" s="409" t="s">
        <v>93</v>
      </c>
      <c r="CE4" s="410"/>
      <c r="CF4" s="410"/>
      <c r="CG4" s="410"/>
      <c r="CH4" s="410"/>
      <c r="CI4" s="410"/>
      <c r="CJ4" s="410"/>
      <c r="CK4" s="410"/>
      <c r="CL4" s="410"/>
      <c r="CM4" s="410"/>
      <c r="CN4" s="410"/>
      <c r="CO4" s="410"/>
      <c r="CP4" s="410"/>
      <c r="CQ4" s="410"/>
      <c r="CR4" s="410"/>
      <c r="CS4" s="411"/>
      <c r="CT4" s="412">
        <v>12</v>
      </c>
      <c r="CU4" s="413"/>
      <c r="CV4" s="413"/>
      <c r="CW4" s="413"/>
      <c r="CX4" s="413"/>
      <c r="CY4" s="413"/>
      <c r="CZ4" s="413"/>
      <c r="DA4" s="414"/>
      <c r="DB4" s="412">
        <v>15.4</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4</v>
      </c>
      <c r="AN5" s="473"/>
      <c r="AO5" s="473"/>
      <c r="AP5" s="473"/>
      <c r="AQ5" s="473"/>
      <c r="AR5" s="473"/>
      <c r="AS5" s="473"/>
      <c r="AT5" s="474"/>
      <c r="AU5" s="475" t="s">
        <v>95</v>
      </c>
      <c r="AV5" s="476"/>
      <c r="AW5" s="476"/>
      <c r="AX5" s="476"/>
      <c r="AY5" s="477" t="s">
        <v>96</v>
      </c>
      <c r="AZ5" s="478"/>
      <c r="BA5" s="478"/>
      <c r="BB5" s="478"/>
      <c r="BC5" s="478"/>
      <c r="BD5" s="478"/>
      <c r="BE5" s="478"/>
      <c r="BF5" s="478"/>
      <c r="BG5" s="478"/>
      <c r="BH5" s="478"/>
      <c r="BI5" s="478"/>
      <c r="BJ5" s="478"/>
      <c r="BK5" s="478"/>
      <c r="BL5" s="478"/>
      <c r="BM5" s="479"/>
      <c r="BN5" s="443">
        <v>5265852</v>
      </c>
      <c r="BO5" s="444"/>
      <c r="BP5" s="444"/>
      <c r="BQ5" s="444"/>
      <c r="BR5" s="444"/>
      <c r="BS5" s="444"/>
      <c r="BT5" s="444"/>
      <c r="BU5" s="445"/>
      <c r="BV5" s="443">
        <v>6617507</v>
      </c>
      <c r="BW5" s="444"/>
      <c r="BX5" s="444"/>
      <c r="BY5" s="444"/>
      <c r="BZ5" s="444"/>
      <c r="CA5" s="444"/>
      <c r="CB5" s="444"/>
      <c r="CC5" s="445"/>
      <c r="CD5" s="446" t="s">
        <v>97</v>
      </c>
      <c r="CE5" s="447"/>
      <c r="CF5" s="447"/>
      <c r="CG5" s="447"/>
      <c r="CH5" s="447"/>
      <c r="CI5" s="447"/>
      <c r="CJ5" s="447"/>
      <c r="CK5" s="447"/>
      <c r="CL5" s="447"/>
      <c r="CM5" s="447"/>
      <c r="CN5" s="447"/>
      <c r="CO5" s="447"/>
      <c r="CP5" s="447"/>
      <c r="CQ5" s="447"/>
      <c r="CR5" s="447"/>
      <c r="CS5" s="448"/>
      <c r="CT5" s="440">
        <v>86.7</v>
      </c>
      <c r="CU5" s="441"/>
      <c r="CV5" s="441"/>
      <c r="CW5" s="441"/>
      <c r="CX5" s="441"/>
      <c r="CY5" s="441"/>
      <c r="CZ5" s="441"/>
      <c r="DA5" s="442"/>
      <c r="DB5" s="440">
        <v>81.3</v>
      </c>
      <c r="DC5" s="441"/>
      <c r="DD5" s="441"/>
      <c r="DE5" s="441"/>
      <c r="DF5" s="441"/>
      <c r="DG5" s="441"/>
      <c r="DH5" s="441"/>
      <c r="DI5" s="442"/>
    </row>
    <row r="6" spans="1:119" ht="18.75" customHeight="1" x14ac:dyDescent="0.2">
      <c r="A6" s="181"/>
      <c r="B6" s="449" t="s">
        <v>98</v>
      </c>
      <c r="C6" s="450"/>
      <c r="D6" s="450"/>
      <c r="E6" s="451"/>
      <c r="F6" s="451"/>
      <c r="G6" s="451"/>
      <c r="H6" s="451"/>
      <c r="I6" s="451"/>
      <c r="J6" s="451"/>
      <c r="K6" s="451"/>
      <c r="L6" s="451" t="s">
        <v>99</v>
      </c>
      <c r="M6" s="451"/>
      <c r="N6" s="451"/>
      <c r="O6" s="451"/>
      <c r="P6" s="451"/>
      <c r="Q6" s="451"/>
      <c r="R6" s="455"/>
      <c r="S6" s="455"/>
      <c r="T6" s="455"/>
      <c r="U6" s="455"/>
      <c r="V6" s="456"/>
      <c r="W6" s="459" t="s">
        <v>100</v>
      </c>
      <c r="X6" s="460"/>
      <c r="Y6" s="460"/>
      <c r="Z6" s="460"/>
      <c r="AA6" s="460"/>
      <c r="AB6" s="450"/>
      <c r="AC6" s="463" t="s">
        <v>101</v>
      </c>
      <c r="AD6" s="464"/>
      <c r="AE6" s="464"/>
      <c r="AF6" s="464"/>
      <c r="AG6" s="464"/>
      <c r="AH6" s="464"/>
      <c r="AI6" s="464"/>
      <c r="AJ6" s="464"/>
      <c r="AK6" s="464"/>
      <c r="AL6" s="465"/>
      <c r="AM6" s="472" t="s">
        <v>102</v>
      </c>
      <c r="AN6" s="473"/>
      <c r="AO6" s="473"/>
      <c r="AP6" s="473"/>
      <c r="AQ6" s="473"/>
      <c r="AR6" s="473"/>
      <c r="AS6" s="473"/>
      <c r="AT6" s="474"/>
      <c r="AU6" s="475" t="s">
        <v>95</v>
      </c>
      <c r="AV6" s="476"/>
      <c r="AW6" s="476"/>
      <c r="AX6" s="476"/>
      <c r="AY6" s="477" t="s">
        <v>103</v>
      </c>
      <c r="AZ6" s="478"/>
      <c r="BA6" s="478"/>
      <c r="BB6" s="478"/>
      <c r="BC6" s="478"/>
      <c r="BD6" s="478"/>
      <c r="BE6" s="478"/>
      <c r="BF6" s="478"/>
      <c r="BG6" s="478"/>
      <c r="BH6" s="478"/>
      <c r="BI6" s="478"/>
      <c r="BJ6" s="478"/>
      <c r="BK6" s="478"/>
      <c r="BL6" s="478"/>
      <c r="BM6" s="479"/>
      <c r="BN6" s="443">
        <v>467845</v>
      </c>
      <c r="BO6" s="444"/>
      <c r="BP6" s="444"/>
      <c r="BQ6" s="444"/>
      <c r="BR6" s="444"/>
      <c r="BS6" s="444"/>
      <c r="BT6" s="444"/>
      <c r="BU6" s="445"/>
      <c r="BV6" s="443">
        <v>525978</v>
      </c>
      <c r="BW6" s="444"/>
      <c r="BX6" s="444"/>
      <c r="BY6" s="444"/>
      <c r="BZ6" s="444"/>
      <c r="CA6" s="444"/>
      <c r="CB6" s="444"/>
      <c r="CC6" s="445"/>
      <c r="CD6" s="446" t="s">
        <v>104</v>
      </c>
      <c r="CE6" s="447"/>
      <c r="CF6" s="447"/>
      <c r="CG6" s="447"/>
      <c r="CH6" s="447"/>
      <c r="CI6" s="447"/>
      <c r="CJ6" s="447"/>
      <c r="CK6" s="447"/>
      <c r="CL6" s="447"/>
      <c r="CM6" s="447"/>
      <c r="CN6" s="447"/>
      <c r="CO6" s="447"/>
      <c r="CP6" s="447"/>
      <c r="CQ6" s="447"/>
      <c r="CR6" s="447"/>
      <c r="CS6" s="448"/>
      <c r="CT6" s="480">
        <v>88.5</v>
      </c>
      <c r="CU6" s="481"/>
      <c r="CV6" s="481"/>
      <c r="CW6" s="481"/>
      <c r="CX6" s="481"/>
      <c r="CY6" s="481"/>
      <c r="CZ6" s="481"/>
      <c r="DA6" s="482"/>
      <c r="DB6" s="480">
        <v>85.7</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5</v>
      </c>
      <c r="AN7" s="473"/>
      <c r="AO7" s="473"/>
      <c r="AP7" s="473"/>
      <c r="AQ7" s="473"/>
      <c r="AR7" s="473"/>
      <c r="AS7" s="473"/>
      <c r="AT7" s="474"/>
      <c r="AU7" s="475" t="s">
        <v>106</v>
      </c>
      <c r="AV7" s="476"/>
      <c r="AW7" s="476"/>
      <c r="AX7" s="476"/>
      <c r="AY7" s="477" t="s">
        <v>107</v>
      </c>
      <c r="AZ7" s="478"/>
      <c r="BA7" s="478"/>
      <c r="BB7" s="478"/>
      <c r="BC7" s="478"/>
      <c r="BD7" s="478"/>
      <c r="BE7" s="478"/>
      <c r="BF7" s="478"/>
      <c r="BG7" s="478"/>
      <c r="BH7" s="478"/>
      <c r="BI7" s="478"/>
      <c r="BJ7" s="478"/>
      <c r="BK7" s="478"/>
      <c r="BL7" s="478"/>
      <c r="BM7" s="479"/>
      <c r="BN7" s="443">
        <v>82668</v>
      </c>
      <c r="BO7" s="444"/>
      <c r="BP7" s="444"/>
      <c r="BQ7" s="444"/>
      <c r="BR7" s="444"/>
      <c r="BS7" s="444"/>
      <c r="BT7" s="444"/>
      <c r="BU7" s="445"/>
      <c r="BV7" s="443">
        <v>20994</v>
      </c>
      <c r="BW7" s="444"/>
      <c r="BX7" s="444"/>
      <c r="BY7" s="444"/>
      <c r="BZ7" s="444"/>
      <c r="CA7" s="444"/>
      <c r="CB7" s="444"/>
      <c r="CC7" s="445"/>
      <c r="CD7" s="446" t="s">
        <v>108</v>
      </c>
      <c r="CE7" s="447"/>
      <c r="CF7" s="447"/>
      <c r="CG7" s="447"/>
      <c r="CH7" s="447"/>
      <c r="CI7" s="447"/>
      <c r="CJ7" s="447"/>
      <c r="CK7" s="447"/>
      <c r="CL7" s="447"/>
      <c r="CM7" s="447"/>
      <c r="CN7" s="447"/>
      <c r="CO7" s="447"/>
      <c r="CP7" s="447"/>
      <c r="CQ7" s="447"/>
      <c r="CR7" s="447"/>
      <c r="CS7" s="448"/>
      <c r="CT7" s="443">
        <v>3212368</v>
      </c>
      <c r="CU7" s="444"/>
      <c r="CV7" s="444"/>
      <c r="CW7" s="444"/>
      <c r="CX7" s="444"/>
      <c r="CY7" s="444"/>
      <c r="CZ7" s="444"/>
      <c r="DA7" s="445"/>
      <c r="DB7" s="443">
        <v>3270895</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09</v>
      </c>
      <c r="AN8" s="473"/>
      <c r="AO8" s="473"/>
      <c r="AP8" s="473"/>
      <c r="AQ8" s="473"/>
      <c r="AR8" s="473"/>
      <c r="AS8" s="473"/>
      <c r="AT8" s="474"/>
      <c r="AU8" s="475" t="s">
        <v>95</v>
      </c>
      <c r="AV8" s="476"/>
      <c r="AW8" s="476"/>
      <c r="AX8" s="476"/>
      <c r="AY8" s="477" t="s">
        <v>110</v>
      </c>
      <c r="AZ8" s="478"/>
      <c r="BA8" s="478"/>
      <c r="BB8" s="478"/>
      <c r="BC8" s="478"/>
      <c r="BD8" s="478"/>
      <c r="BE8" s="478"/>
      <c r="BF8" s="478"/>
      <c r="BG8" s="478"/>
      <c r="BH8" s="478"/>
      <c r="BI8" s="478"/>
      <c r="BJ8" s="478"/>
      <c r="BK8" s="478"/>
      <c r="BL8" s="478"/>
      <c r="BM8" s="479"/>
      <c r="BN8" s="443">
        <v>385177</v>
      </c>
      <c r="BO8" s="444"/>
      <c r="BP8" s="444"/>
      <c r="BQ8" s="444"/>
      <c r="BR8" s="444"/>
      <c r="BS8" s="444"/>
      <c r="BT8" s="444"/>
      <c r="BU8" s="445"/>
      <c r="BV8" s="443">
        <v>504984</v>
      </c>
      <c r="BW8" s="444"/>
      <c r="BX8" s="444"/>
      <c r="BY8" s="444"/>
      <c r="BZ8" s="444"/>
      <c r="CA8" s="444"/>
      <c r="CB8" s="444"/>
      <c r="CC8" s="445"/>
      <c r="CD8" s="446" t="s">
        <v>111</v>
      </c>
      <c r="CE8" s="447"/>
      <c r="CF8" s="447"/>
      <c r="CG8" s="447"/>
      <c r="CH8" s="447"/>
      <c r="CI8" s="447"/>
      <c r="CJ8" s="447"/>
      <c r="CK8" s="447"/>
      <c r="CL8" s="447"/>
      <c r="CM8" s="447"/>
      <c r="CN8" s="447"/>
      <c r="CO8" s="447"/>
      <c r="CP8" s="447"/>
      <c r="CQ8" s="447"/>
      <c r="CR8" s="447"/>
      <c r="CS8" s="448"/>
      <c r="CT8" s="483">
        <v>0.57999999999999996</v>
      </c>
      <c r="CU8" s="484"/>
      <c r="CV8" s="484"/>
      <c r="CW8" s="484"/>
      <c r="CX8" s="484"/>
      <c r="CY8" s="484"/>
      <c r="CZ8" s="484"/>
      <c r="DA8" s="485"/>
      <c r="DB8" s="483">
        <v>0.61</v>
      </c>
      <c r="DC8" s="484"/>
      <c r="DD8" s="484"/>
      <c r="DE8" s="484"/>
      <c r="DF8" s="484"/>
      <c r="DG8" s="484"/>
      <c r="DH8" s="484"/>
      <c r="DI8" s="485"/>
    </row>
    <row r="9" spans="1:119" ht="18.75" customHeight="1" thickBot="1" x14ac:dyDescent="0.25">
      <c r="A9" s="181"/>
      <c r="B9" s="437" t="s">
        <v>112</v>
      </c>
      <c r="C9" s="438"/>
      <c r="D9" s="438"/>
      <c r="E9" s="438"/>
      <c r="F9" s="438"/>
      <c r="G9" s="438"/>
      <c r="H9" s="438"/>
      <c r="I9" s="438"/>
      <c r="J9" s="438"/>
      <c r="K9" s="486"/>
      <c r="L9" s="487" t="s">
        <v>113</v>
      </c>
      <c r="M9" s="488"/>
      <c r="N9" s="488"/>
      <c r="O9" s="488"/>
      <c r="P9" s="488"/>
      <c r="Q9" s="489"/>
      <c r="R9" s="490">
        <v>10836</v>
      </c>
      <c r="S9" s="491"/>
      <c r="T9" s="491"/>
      <c r="U9" s="491"/>
      <c r="V9" s="492"/>
      <c r="W9" s="400" t="s">
        <v>114</v>
      </c>
      <c r="X9" s="401"/>
      <c r="Y9" s="401"/>
      <c r="Z9" s="401"/>
      <c r="AA9" s="401"/>
      <c r="AB9" s="401"/>
      <c r="AC9" s="401"/>
      <c r="AD9" s="401"/>
      <c r="AE9" s="401"/>
      <c r="AF9" s="401"/>
      <c r="AG9" s="401"/>
      <c r="AH9" s="401"/>
      <c r="AI9" s="401"/>
      <c r="AJ9" s="401"/>
      <c r="AK9" s="401"/>
      <c r="AL9" s="402"/>
      <c r="AM9" s="472" t="s">
        <v>115</v>
      </c>
      <c r="AN9" s="473"/>
      <c r="AO9" s="473"/>
      <c r="AP9" s="473"/>
      <c r="AQ9" s="473"/>
      <c r="AR9" s="473"/>
      <c r="AS9" s="473"/>
      <c r="AT9" s="474"/>
      <c r="AU9" s="475" t="s">
        <v>116</v>
      </c>
      <c r="AV9" s="476"/>
      <c r="AW9" s="476"/>
      <c r="AX9" s="476"/>
      <c r="AY9" s="477" t="s">
        <v>117</v>
      </c>
      <c r="AZ9" s="478"/>
      <c r="BA9" s="478"/>
      <c r="BB9" s="478"/>
      <c r="BC9" s="478"/>
      <c r="BD9" s="478"/>
      <c r="BE9" s="478"/>
      <c r="BF9" s="478"/>
      <c r="BG9" s="478"/>
      <c r="BH9" s="478"/>
      <c r="BI9" s="478"/>
      <c r="BJ9" s="478"/>
      <c r="BK9" s="478"/>
      <c r="BL9" s="478"/>
      <c r="BM9" s="479"/>
      <c r="BN9" s="443">
        <v>-119807</v>
      </c>
      <c r="BO9" s="444"/>
      <c r="BP9" s="444"/>
      <c r="BQ9" s="444"/>
      <c r="BR9" s="444"/>
      <c r="BS9" s="444"/>
      <c r="BT9" s="444"/>
      <c r="BU9" s="445"/>
      <c r="BV9" s="443">
        <v>133403</v>
      </c>
      <c r="BW9" s="444"/>
      <c r="BX9" s="444"/>
      <c r="BY9" s="444"/>
      <c r="BZ9" s="444"/>
      <c r="CA9" s="444"/>
      <c r="CB9" s="444"/>
      <c r="CC9" s="445"/>
      <c r="CD9" s="446" t="s">
        <v>118</v>
      </c>
      <c r="CE9" s="447"/>
      <c r="CF9" s="447"/>
      <c r="CG9" s="447"/>
      <c r="CH9" s="447"/>
      <c r="CI9" s="447"/>
      <c r="CJ9" s="447"/>
      <c r="CK9" s="447"/>
      <c r="CL9" s="447"/>
      <c r="CM9" s="447"/>
      <c r="CN9" s="447"/>
      <c r="CO9" s="447"/>
      <c r="CP9" s="447"/>
      <c r="CQ9" s="447"/>
      <c r="CR9" s="447"/>
      <c r="CS9" s="448"/>
      <c r="CT9" s="440">
        <v>10.8</v>
      </c>
      <c r="CU9" s="441"/>
      <c r="CV9" s="441"/>
      <c r="CW9" s="441"/>
      <c r="CX9" s="441"/>
      <c r="CY9" s="441"/>
      <c r="CZ9" s="441"/>
      <c r="DA9" s="442"/>
      <c r="DB9" s="440">
        <v>10.1</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19</v>
      </c>
      <c r="M10" s="473"/>
      <c r="N10" s="473"/>
      <c r="O10" s="473"/>
      <c r="P10" s="473"/>
      <c r="Q10" s="474"/>
      <c r="R10" s="494">
        <v>11171</v>
      </c>
      <c r="S10" s="495"/>
      <c r="T10" s="495"/>
      <c r="U10" s="495"/>
      <c r="V10" s="496"/>
      <c r="W10" s="431"/>
      <c r="X10" s="432"/>
      <c r="Y10" s="432"/>
      <c r="Z10" s="432"/>
      <c r="AA10" s="432"/>
      <c r="AB10" s="432"/>
      <c r="AC10" s="432"/>
      <c r="AD10" s="432"/>
      <c r="AE10" s="432"/>
      <c r="AF10" s="432"/>
      <c r="AG10" s="432"/>
      <c r="AH10" s="432"/>
      <c r="AI10" s="432"/>
      <c r="AJ10" s="432"/>
      <c r="AK10" s="432"/>
      <c r="AL10" s="435"/>
      <c r="AM10" s="472" t="s">
        <v>120</v>
      </c>
      <c r="AN10" s="473"/>
      <c r="AO10" s="473"/>
      <c r="AP10" s="473"/>
      <c r="AQ10" s="473"/>
      <c r="AR10" s="473"/>
      <c r="AS10" s="473"/>
      <c r="AT10" s="474"/>
      <c r="AU10" s="475" t="s">
        <v>121</v>
      </c>
      <c r="AV10" s="476"/>
      <c r="AW10" s="476"/>
      <c r="AX10" s="476"/>
      <c r="AY10" s="477" t="s">
        <v>122</v>
      </c>
      <c r="AZ10" s="478"/>
      <c r="BA10" s="478"/>
      <c r="BB10" s="478"/>
      <c r="BC10" s="478"/>
      <c r="BD10" s="478"/>
      <c r="BE10" s="478"/>
      <c r="BF10" s="478"/>
      <c r="BG10" s="478"/>
      <c r="BH10" s="478"/>
      <c r="BI10" s="478"/>
      <c r="BJ10" s="478"/>
      <c r="BK10" s="478"/>
      <c r="BL10" s="478"/>
      <c r="BM10" s="479"/>
      <c r="BN10" s="443">
        <v>100013</v>
      </c>
      <c r="BO10" s="444"/>
      <c r="BP10" s="444"/>
      <c r="BQ10" s="444"/>
      <c r="BR10" s="444"/>
      <c r="BS10" s="444"/>
      <c r="BT10" s="444"/>
      <c r="BU10" s="445"/>
      <c r="BV10" s="443">
        <v>225040</v>
      </c>
      <c r="BW10" s="444"/>
      <c r="BX10" s="444"/>
      <c r="BY10" s="444"/>
      <c r="BZ10" s="444"/>
      <c r="CA10" s="444"/>
      <c r="CB10" s="444"/>
      <c r="CC10" s="445"/>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4</v>
      </c>
      <c r="M11" s="498"/>
      <c r="N11" s="498"/>
      <c r="O11" s="498"/>
      <c r="P11" s="498"/>
      <c r="Q11" s="499"/>
      <c r="R11" s="500" t="s">
        <v>125</v>
      </c>
      <c r="S11" s="501"/>
      <c r="T11" s="501"/>
      <c r="U11" s="501"/>
      <c r="V11" s="502"/>
      <c r="W11" s="431"/>
      <c r="X11" s="432"/>
      <c r="Y11" s="432"/>
      <c r="Z11" s="432"/>
      <c r="AA11" s="432"/>
      <c r="AB11" s="432"/>
      <c r="AC11" s="432"/>
      <c r="AD11" s="432"/>
      <c r="AE11" s="432"/>
      <c r="AF11" s="432"/>
      <c r="AG11" s="432"/>
      <c r="AH11" s="432"/>
      <c r="AI11" s="432"/>
      <c r="AJ11" s="432"/>
      <c r="AK11" s="432"/>
      <c r="AL11" s="435"/>
      <c r="AM11" s="472" t="s">
        <v>126</v>
      </c>
      <c r="AN11" s="473"/>
      <c r="AO11" s="473"/>
      <c r="AP11" s="473"/>
      <c r="AQ11" s="473"/>
      <c r="AR11" s="473"/>
      <c r="AS11" s="473"/>
      <c r="AT11" s="474"/>
      <c r="AU11" s="475" t="s">
        <v>95</v>
      </c>
      <c r="AV11" s="476"/>
      <c r="AW11" s="476"/>
      <c r="AX11" s="476"/>
      <c r="AY11" s="477" t="s">
        <v>127</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28</v>
      </c>
      <c r="CE11" s="447"/>
      <c r="CF11" s="447"/>
      <c r="CG11" s="447"/>
      <c r="CH11" s="447"/>
      <c r="CI11" s="447"/>
      <c r="CJ11" s="447"/>
      <c r="CK11" s="447"/>
      <c r="CL11" s="447"/>
      <c r="CM11" s="447"/>
      <c r="CN11" s="447"/>
      <c r="CO11" s="447"/>
      <c r="CP11" s="447"/>
      <c r="CQ11" s="447"/>
      <c r="CR11" s="447"/>
      <c r="CS11" s="448"/>
      <c r="CT11" s="483" t="s">
        <v>129</v>
      </c>
      <c r="CU11" s="484"/>
      <c r="CV11" s="484"/>
      <c r="CW11" s="484"/>
      <c r="CX11" s="484"/>
      <c r="CY11" s="484"/>
      <c r="CZ11" s="484"/>
      <c r="DA11" s="485"/>
      <c r="DB11" s="483" t="s">
        <v>130</v>
      </c>
      <c r="DC11" s="484"/>
      <c r="DD11" s="484"/>
      <c r="DE11" s="484"/>
      <c r="DF11" s="484"/>
      <c r="DG11" s="484"/>
      <c r="DH11" s="484"/>
      <c r="DI11" s="485"/>
    </row>
    <row r="12" spans="1:119" ht="18.75" customHeight="1" x14ac:dyDescent="0.2">
      <c r="A12" s="181"/>
      <c r="B12" s="503" t="s">
        <v>131</v>
      </c>
      <c r="C12" s="504"/>
      <c r="D12" s="504"/>
      <c r="E12" s="504"/>
      <c r="F12" s="504"/>
      <c r="G12" s="504"/>
      <c r="H12" s="504"/>
      <c r="I12" s="504"/>
      <c r="J12" s="504"/>
      <c r="K12" s="505"/>
      <c r="L12" s="512" t="s">
        <v>132</v>
      </c>
      <c r="M12" s="513"/>
      <c r="N12" s="513"/>
      <c r="O12" s="513"/>
      <c r="P12" s="513"/>
      <c r="Q12" s="514"/>
      <c r="R12" s="515">
        <v>10616</v>
      </c>
      <c r="S12" s="516"/>
      <c r="T12" s="516"/>
      <c r="U12" s="516"/>
      <c r="V12" s="517"/>
      <c r="W12" s="518" t="s">
        <v>1</v>
      </c>
      <c r="X12" s="476"/>
      <c r="Y12" s="476"/>
      <c r="Z12" s="476"/>
      <c r="AA12" s="476"/>
      <c r="AB12" s="519"/>
      <c r="AC12" s="520" t="s">
        <v>133</v>
      </c>
      <c r="AD12" s="521"/>
      <c r="AE12" s="521"/>
      <c r="AF12" s="521"/>
      <c r="AG12" s="522"/>
      <c r="AH12" s="520" t="s">
        <v>134</v>
      </c>
      <c r="AI12" s="521"/>
      <c r="AJ12" s="521"/>
      <c r="AK12" s="521"/>
      <c r="AL12" s="523"/>
      <c r="AM12" s="472" t="s">
        <v>135</v>
      </c>
      <c r="AN12" s="473"/>
      <c r="AO12" s="473"/>
      <c r="AP12" s="473"/>
      <c r="AQ12" s="473"/>
      <c r="AR12" s="473"/>
      <c r="AS12" s="473"/>
      <c r="AT12" s="474"/>
      <c r="AU12" s="475" t="s">
        <v>95</v>
      </c>
      <c r="AV12" s="476"/>
      <c r="AW12" s="476"/>
      <c r="AX12" s="476"/>
      <c r="AY12" s="477" t="s">
        <v>136</v>
      </c>
      <c r="AZ12" s="478"/>
      <c r="BA12" s="478"/>
      <c r="BB12" s="478"/>
      <c r="BC12" s="478"/>
      <c r="BD12" s="478"/>
      <c r="BE12" s="478"/>
      <c r="BF12" s="478"/>
      <c r="BG12" s="478"/>
      <c r="BH12" s="478"/>
      <c r="BI12" s="478"/>
      <c r="BJ12" s="478"/>
      <c r="BK12" s="478"/>
      <c r="BL12" s="478"/>
      <c r="BM12" s="479"/>
      <c r="BN12" s="443">
        <v>0</v>
      </c>
      <c r="BO12" s="444"/>
      <c r="BP12" s="444"/>
      <c r="BQ12" s="444"/>
      <c r="BR12" s="444"/>
      <c r="BS12" s="444"/>
      <c r="BT12" s="444"/>
      <c r="BU12" s="445"/>
      <c r="BV12" s="443">
        <v>0</v>
      </c>
      <c r="BW12" s="444"/>
      <c r="BX12" s="444"/>
      <c r="BY12" s="444"/>
      <c r="BZ12" s="444"/>
      <c r="CA12" s="444"/>
      <c r="CB12" s="444"/>
      <c r="CC12" s="445"/>
      <c r="CD12" s="446" t="s">
        <v>137</v>
      </c>
      <c r="CE12" s="447"/>
      <c r="CF12" s="447"/>
      <c r="CG12" s="447"/>
      <c r="CH12" s="447"/>
      <c r="CI12" s="447"/>
      <c r="CJ12" s="447"/>
      <c r="CK12" s="447"/>
      <c r="CL12" s="447"/>
      <c r="CM12" s="447"/>
      <c r="CN12" s="447"/>
      <c r="CO12" s="447"/>
      <c r="CP12" s="447"/>
      <c r="CQ12" s="447"/>
      <c r="CR12" s="447"/>
      <c r="CS12" s="448"/>
      <c r="CT12" s="483" t="s">
        <v>138</v>
      </c>
      <c r="CU12" s="484"/>
      <c r="CV12" s="484"/>
      <c r="CW12" s="484"/>
      <c r="CX12" s="484"/>
      <c r="CY12" s="484"/>
      <c r="CZ12" s="484"/>
      <c r="DA12" s="485"/>
      <c r="DB12" s="483" t="s">
        <v>129</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39</v>
      </c>
      <c r="N13" s="535"/>
      <c r="O13" s="535"/>
      <c r="P13" s="535"/>
      <c r="Q13" s="536"/>
      <c r="R13" s="527">
        <v>10480</v>
      </c>
      <c r="S13" s="528"/>
      <c r="T13" s="528"/>
      <c r="U13" s="528"/>
      <c r="V13" s="529"/>
      <c r="W13" s="459" t="s">
        <v>140</v>
      </c>
      <c r="X13" s="460"/>
      <c r="Y13" s="460"/>
      <c r="Z13" s="460"/>
      <c r="AA13" s="460"/>
      <c r="AB13" s="450"/>
      <c r="AC13" s="494">
        <v>131</v>
      </c>
      <c r="AD13" s="495"/>
      <c r="AE13" s="495"/>
      <c r="AF13" s="495"/>
      <c r="AG13" s="537"/>
      <c r="AH13" s="494">
        <v>157</v>
      </c>
      <c r="AI13" s="495"/>
      <c r="AJ13" s="495"/>
      <c r="AK13" s="495"/>
      <c r="AL13" s="496"/>
      <c r="AM13" s="472" t="s">
        <v>141</v>
      </c>
      <c r="AN13" s="473"/>
      <c r="AO13" s="473"/>
      <c r="AP13" s="473"/>
      <c r="AQ13" s="473"/>
      <c r="AR13" s="473"/>
      <c r="AS13" s="473"/>
      <c r="AT13" s="474"/>
      <c r="AU13" s="475" t="s">
        <v>142</v>
      </c>
      <c r="AV13" s="476"/>
      <c r="AW13" s="476"/>
      <c r="AX13" s="476"/>
      <c r="AY13" s="477" t="s">
        <v>143</v>
      </c>
      <c r="AZ13" s="478"/>
      <c r="BA13" s="478"/>
      <c r="BB13" s="478"/>
      <c r="BC13" s="478"/>
      <c r="BD13" s="478"/>
      <c r="BE13" s="478"/>
      <c r="BF13" s="478"/>
      <c r="BG13" s="478"/>
      <c r="BH13" s="478"/>
      <c r="BI13" s="478"/>
      <c r="BJ13" s="478"/>
      <c r="BK13" s="478"/>
      <c r="BL13" s="478"/>
      <c r="BM13" s="479"/>
      <c r="BN13" s="443">
        <v>-19794</v>
      </c>
      <c r="BO13" s="444"/>
      <c r="BP13" s="444"/>
      <c r="BQ13" s="444"/>
      <c r="BR13" s="444"/>
      <c r="BS13" s="444"/>
      <c r="BT13" s="444"/>
      <c r="BU13" s="445"/>
      <c r="BV13" s="443">
        <v>358443</v>
      </c>
      <c r="BW13" s="444"/>
      <c r="BX13" s="444"/>
      <c r="BY13" s="444"/>
      <c r="BZ13" s="444"/>
      <c r="CA13" s="444"/>
      <c r="CB13" s="444"/>
      <c r="CC13" s="445"/>
      <c r="CD13" s="446" t="s">
        <v>144</v>
      </c>
      <c r="CE13" s="447"/>
      <c r="CF13" s="447"/>
      <c r="CG13" s="447"/>
      <c r="CH13" s="447"/>
      <c r="CI13" s="447"/>
      <c r="CJ13" s="447"/>
      <c r="CK13" s="447"/>
      <c r="CL13" s="447"/>
      <c r="CM13" s="447"/>
      <c r="CN13" s="447"/>
      <c r="CO13" s="447"/>
      <c r="CP13" s="447"/>
      <c r="CQ13" s="447"/>
      <c r="CR13" s="447"/>
      <c r="CS13" s="448"/>
      <c r="CT13" s="440">
        <v>6.1</v>
      </c>
      <c r="CU13" s="441"/>
      <c r="CV13" s="441"/>
      <c r="CW13" s="441"/>
      <c r="CX13" s="441"/>
      <c r="CY13" s="441"/>
      <c r="CZ13" s="441"/>
      <c r="DA13" s="442"/>
      <c r="DB13" s="440">
        <v>5.7</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5</v>
      </c>
      <c r="M14" s="525"/>
      <c r="N14" s="525"/>
      <c r="O14" s="525"/>
      <c r="P14" s="525"/>
      <c r="Q14" s="526"/>
      <c r="R14" s="527">
        <v>10756</v>
      </c>
      <c r="S14" s="528"/>
      <c r="T14" s="528"/>
      <c r="U14" s="528"/>
      <c r="V14" s="529"/>
      <c r="W14" s="433"/>
      <c r="X14" s="434"/>
      <c r="Y14" s="434"/>
      <c r="Z14" s="434"/>
      <c r="AA14" s="434"/>
      <c r="AB14" s="423"/>
      <c r="AC14" s="530">
        <v>2.6</v>
      </c>
      <c r="AD14" s="531"/>
      <c r="AE14" s="531"/>
      <c r="AF14" s="531"/>
      <c r="AG14" s="532"/>
      <c r="AH14" s="530">
        <v>3</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6</v>
      </c>
      <c r="CE14" s="539"/>
      <c r="CF14" s="539"/>
      <c r="CG14" s="539"/>
      <c r="CH14" s="539"/>
      <c r="CI14" s="539"/>
      <c r="CJ14" s="539"/>
      <c r="CK14" s="539"/>
      <c r="CL14" s="539"/>
      <c r="CM14" s="539"/>
      <c r="CN14" s="539"/>
      <c r="CO14" s="539"/>
      <c r="CP14" s="539"/>
      <c r="CQ14" s="539"/>
      <c r="CR14" s="539"/>
      <c r="CS14" s="540"/>
      <c r="CT14" s="541">
        <v>16.3</v>
      </c>
      <c r="CU14" s="542"/>
      <c r="CV14" s="542"/>
      <c r="CW14" s="542"/>
      <c r="CX14" s="542"/>
      <c r="CY14" s="542"/>
      <c r="CZ14" s="542"/>
      <c r="DA14" s="543"/>
      <c r="DB14" s="541">
        <v>33.9</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39</v>
      </c>
      <c r="N15" s="535"/>
      <c r="O15" s="535"/>
      <c r="P15" s="535"/>
      <c r="Q15" s="536"/>
      <c r="R15" s="527">
        <v>10671</v>
      </c>
      <c r="S15" s="528"/>
      <c r="T15" s="528"/>
      <c r="U15" s="528"/>
      <c r="V15" s="529"/>
      <c r="W15" s="459" t="s">
        <v>147</v>
      </c>
      <c r="X15" s="460"/>
      <c r="Y15" s="460"/>
      <c r="Z15" s="460"/>
      <c r="AA15" s="460"/>
      <c r="AB15" s="450"/>
      <c r="AC15" s="494">
        <v>1257</v>
      </c>
      <c r="AD15" s="495"/>
      <c r="AE15" s="495"/>
      <c r="AF15" s="495"/>
      <c r="AG15" s="537"/>
      <c r="AH15" s="494">
        <v>1306</v>
      </c>
      <c r="AI15" s="495"/>
      <c r="AJ15" s="495"/>
      <c r="AK15" s="495"/>
      <c r="AL15" s="496"/>
      <c r="AM15" s="472"/>
      <c r="AN15" s="473"/>
      <c r="AO15" s="473"/>
      <c r="AP15" s="473"/>
      <c r="AQ15" s="473"/>
      <c r="AR15" s="473"/>
      <c r="AS15" s="473"/>
      <c r="AT15" s="474"/>
      <c r="AU15" s="475"/>
      <c r="AV15" s="476"/>
      <c r="AW15" s="476"/>
      <c r="AX15" s="476"/>
      <c r="AY15" s="403" t="s">
        <v>148</v>
      </c>
      <c r="AZ15" s="404"/>
      <c r="BA15" s="404"/>
      <c r="BB15" s="404"/>
      <c r="BC15" s="404"/>
      <c r="BD15" s="404"/>
      <c r="BE15" s="404"/>
      <c r="BF15" s="404"/>
      <c r="BG15" s="404"/>
      <c r="BH15" s="404"/>
      <c r="BI15" s="404"/>
      <c r="BJ15" s="404"/>
      <c r="BK15" s="404"/>
      <c r="BL15" s="404"/>
      <c r="BM15" s="405"/>
      <c r="BN15" s="406">
        <v>1526260</v>
      </c>
      <c r="BO15" s="407"/>
      <c r="BP15" s="407"/>
      <c r="BQ15" s="407"/>
      <c r="BR15" s="407"/>
      <c r="BS15" s="407"/>
      <c r="BT15" s="407"/>
      <c r="BU15" s="408"/>
      <c r="BV15" s="406">
        <v>1439949</v>
      </c>
      <c r="BW15" s="407"/>
      <c r="BX15" s="407"/>
      <c r="BY15" s="407"/>
      <c r="BZ15" s="407"/>
      <c r="CA15" s="407"/>
      <c r="CB15" s="407"/>
      <c r="CC15" s="408"/>
      <c r="CD15" s="544" t="s">
        <v>149</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50</v>
      </c>
      <c r="M16" s="547"/>
      <c r="N16" s="547"/>
      <c r="O16" s="547"/>
      <c r="P16" s="547"/>
      <c r="Q16" s="548"/>
      <c r="R16" s="549" t="s">
        <v>151</v>
      </c>
      <c r="S16" s="550"/>
      <c r="T16" s="550"/>
      <c r="U16" s="550"/>
      <c r="V16" s="551"/>
      <c r="W16" s="433"/>
      <c r="X16" s="434"/>
      <c r="Y16" s="434"/>
      <c r="Z16" s="434"/>
      <c r="AA16" s="434"/>
      <c r="AB16" s="423"/>
      <c r="AC16" s="530">
        <v>24.8</v>
      </c>
      <c r="AD16" s="531"/>
      <c r="AE16" s="531"/>
      <c r="AF16" s="531"/>
      <c r="AG16" s="532"/>
      <c r="AH16" s="530">
        <v>25.2</v>
      </c>
      <c r="AI16" s="531"/>
      <c r="AJ16" s="531"/>
      <c r="AK16" s="531"/>
      <c r="AL16" s="533"/>
      <c r="AM16" s="472"/>
      <c r="AN16" s="473"/>
      <c r="AO16" s="473"/>
      <c r="AP16" s="473"/>
      <c r="AQ16" s="473"/>
      <c r="AR16" s="473"/>
      <c r="AS16" s="473"/>
      <c r="AT16" s="474"/>
      <c r="AU16" s="475"/>
      <c r="AV16" s="476"/>
      <c r="AW16" s="476"/>
      <c r="AX16" s="476"/>
      <c r="AY16" s="477" t="s">
        <v>152</v>
      </c>
      <c r="AZ16" s="478"/>
      <c r="BA16" s="478"/>
      <c r="BB16" s="478"/>
      <c r="BC16" s="478"/>
      <c r="BD16" s="478"/>
      <c r="BE16" s="478"/>
      <c r="BF16" s="478"/>
      <c r="BG16" s="478"/>
      <c r="BH16" s="478"/>
      <c r="BI16" s="478"/>
      <c r="BJ16" s="478"/>
      <c r="BK16" s="478"/>
      <c r="BL16" s="478"/>
      <c r="BM16" s="479"/>
      <c r="BN16" s="443">
        <v>2730591</v>
      </c>
      <c r="BO16" s="444"/>
      <c r="BP16" s="444"/>
      <c r="BQ16" s="444"/>
      <c r="BR16" s="444"/>
      <c r="BS16" s="444"/>
      <c r="BT16" s="444"/>
      <c r="BU16" s="445"/>
      <c r="BV16" s="443">
        <v>2635115</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3</v>
      </c>
      <c r="N17" s="555"/>
      <c r="O17" s="555"/>
      <c r="P17" s="555"/>
      <c r="Q17" s="556"/>
      <c r="R17" s="549" t="s">
        <v>154</v>
      </c>
      <c r="S17" s="550"/>
      <c r="T17" s="550"/>
      <c r="U17" s="550"/>
      <c r="V17" s="551"/>
      <c r="W17" s="459" t="s">
        <v>155</v>
      </c>
      <c r="X17" s="460"/>
      <c r="Y17" s="460"/>
      <c r="Z17" s="460"/>
      <c r="AA17" s="460"/>
      <c r="AB17" s="450"/>
      <c r="AC17" s="494">
        <v>3678</v>
      </c>
      <c r="AD17" s="495"/>
      <c r="AE17" s="495"/>
      <c r="AF17" s="495"/>
      <c r="AG17" s="537"/>
      <c r="AH17" s="494">
        <v>3728</v>
      </c>
      <c r="AI17" s="495"/>
      <c r="AJ17" s="495"/>
      <c r="AK17" s="495"/>
      <c r="AL17" s="496"/>
      <c r="AM17" s="472"/>
      <c r="AN17" s="473"/>
      <c r="AO17" s="473"/>
      <c r="AP17" s="473"/>
      <c r="AQ17" s="473"/>
      <c r="AR17" s="473"/>
      <c r="AS17" s="473"/>
      <c r="AT17" s="474"/>
      <c r="AU17" s="475"/>
      <c r="AV17" s="476"/>
      <c r="AW17" s="476"/>
      <c r="AX17" s="476"/>
      <c r="AY17" s="477" t="s">
        <v>156</v>
      </c>
      <c r="AZ17" s="478"/>
      <c r="BA17" s="478"/>
      <c r="BB17" s="478"/>
      <c r="BC17" s="478"/>
      <c r="BD17" s="478"/>
      <c r="BE17" s="478"/>
      <c r="BF17" s="478"/>
      <c r="BG17" s="478"/>
      <c r="BH17" s="478"/>
      <c r="BI17" s="478"/>
      <c r="BJ17" s="478"/>
      <c r="BK17" s="478"/>
      <c r="BL17" s="478"/>
      <c r="BM17" s="479"/>
      <c r="BN17" s="443">
        <v>1940755</v>
      </c>
      <c r="BO17" s="444"/>
      <c r="BP17" s="444"/>
      <c r="BQ17" s="444"/>
      <c r="BR17" s="444"/>
      <c r="BS17" s="444"/>
      <c r="BT17" s="444"/>
      <c r="BU17" s="445"/>
      <c r="BV17" s="443">
        <v>1825520</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57</v>
      </c>
      <c r="C18" s="486"/>
      <c r="D18" s="486"/>
      <c r="E18" s="566"/>
      <c r="F18" s="566"/>
      <c r="G18" s="566"/>
      <c r="H18" s="566"/>
      <c r="I18" s="566"/>
      <c r="J18" s="566"/>
      <c r="K18" s="566"/>
      <c r="L18" s="567">
        <v>37.75</v>
      </c>
      <c r="M18" s="567"/>
      <c r="N18" s="567"/>
      <c r="O18" s="567"/>
      <c r="P18" s="567"/>
      <c r="Q18" s="567"/>
      <c r="R18" s="568"/>
      <c r="S18" s="568"/>
      <c r="T18" s="568"/>
      <c r="U18" s="568"/>
      <c r="V18" s="569"/>
      <c r="W18" s="461"/>
      <c r="X18" s="462"/>
      <c r="Y18" s="462"/>
      <c r="Z18" s="462"/>
      <c r="AA18" s="462"/>
      <c r="AB18" s="453"/>
      <c r="AC18" s="570">
        <v>72.599999999999994</v>
      </c>
      <c r="AD18" s="571"/>
      <c r="AE18" s="571"/>
      <c r="AF18" s="571"/>
      <c r="AG18" s="572"/>
      <c r="AH18" s="570">
        <v>71.8</v>
      </c>
      <c r="AI18" s="571"/>
      <c r="AJ18" s="571"/>
      <c r="AK18" s="571"/>
      <c r="AL18" s="573"/>
      <c r="AM18" s="472"/>
      <c r="AN18" s="473"/>
      <c r="AO18" s="473"/>
      <c r="AP18" s="473"/>
      <c r="AQ18" s="473"/>
      <c r="AR18" s="473"/>
      <c r="AS18" s="473"/>
      <c r="AT18" s="474"/>
      <c r="AU18" s="475"/>
      <c r="AV18" s="476"/>
      <c r="AW18" s="476"/>
      <c r="AX18" s="476"/>
      <c r="AY18" s="477" t="s">
        <v>158</v>
      </c>
      <c r="AZ18" s="478"/>
      <c r="BA18" s="478"/>
      <c r="BB18" s="478"/>
      <c r="BC18" s="478"/>
      <c r="BD18" s="478"/>
      <c r="BE18" s="478"/>
      <c r="BF18" s="478"/>
      <c r="BG18" s="478"/>
      <c r="BH18" s="478"/>
      <c r="BI18" s="478"/>
      <c r="BJ18" s="478"/>
      <c r="BK18" s="478"/>
      <c r="BL18" s="478"/>
      <c r="BM18" s="479"/>
      <c r="BN18" s="443">
        <v>2842274</v>
      </c>
      <c r="BO18" s="444"/>
      <c r="BP18" s="444"/>
      <c r="BQ18" s="444"/>
      <c r="BR18" s="444"/>
      <c r="BS18" s="444"/>
      <c r="BT18" s="444"/>
      <c r="BU18" s="445"/>
      <c r="BV18" s="443">
        <v>2762088</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59</v>
      </c>
      <c r="C19" s="486"/>
      <c r="D19" s="486"/>
      <c r="E19" s="566"/>
      <c r="F19" s="566"/>
      <c r="G19" s="566"/>
      <c r="H19" s="566"/>
      <c r="I19" s="566"/>
      <c r="J19" s="566"/>
      <c r="K19" s="566"/>
      <c r="L19" s="574">
        <v>287</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60</v>
      </c>
      <c r="AZ19" s="478"/>
      <c r="BA19" s="478"/>
      <c r="BB19" s="478"/>
      <c r="BC19" s="478"/>
      <c r="BD19" s="478"/>
      <c r="BE19" s="478"/>
      <c r="BF19" s="478"/>
      <c r="BG19" s="478"/>
      <c r="BH19" s="478"/>
      <c r="BI19" s="478"/>
      <c r="BJ19" s="478"/>
      <c r="BK19" s="478"/>
      <c r="BL19" s="478"/>
      <c r="BM19" s="479"/>
      <c r="BN19" s="443">
        <v>3965821</v>
      </c>
      <c r="BO19" s="444"/>
      <c r="BP19" s="444"/>
      <c r="BQ19" s="444"/>
      <c r="BR19" s="444"/>
      <c r="BS19" s="444"/>
      <c r="BT19" s="444"/>
      <c r="BU19" s="445"/>
      <c r="BV19" s="443">
        <v>3955667</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61</v>
      </c>
      <c r="C20" s="486"/>
      <c r="D20" s="486"/>
      <c r="E20" s="566"/>
      <c r="F20" s="566"/>
      <c r="G20" s="566"/>
      <c r="H20" s="566"/>
      <c r="I20" s="566"/>
      <c r="J20" s="566"/>
      <c r="K20" s="566"/>
      <c r="L20" s="574">
        <v>4572</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62</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3</v>
      </c>
      <c r="C22" s="587"/>
      <c r="D22" s="588"/>
      <c r="E22" s="455" t="s">
        <v>1</v>
      </c>
      <c r="F22" s="460"/>
      <c r="G22" s="460"/>
      <c r="H22" s="460"/>
      <c r="I22" s="460"/>
      <c r="J22" s="460"/>
      <c r="K22" s="450"/>
      <c r="L22" s="455" t="s">
        <v>164</v>
      </c>
      <c r="M22" s="460"/>
      <c r="N22" s="460"/>
      <c r="O22" s="460"/>
      <c r="P22" s="450"/>
      <c r="Q22" s="618" t="s">
        <v>165</v>
      </c>
      <c r="R22" s="619"/>
      <c r="S22" s="619"/>
      <c r="T22" s="619"/>
      <c r="U22" s="619"/>
      <c r="V22" s="620"/>
      <c r="W22" s="586" t="s">
        <v>166</v>
      </c>
      <c r="X22" s="587"/>
      <c r="Y22" s="588"/>
      <c r="Z22" s="455" t="s">
        <v>1</v>
      </c>
      <c r="AA22" s="460"/>
      <c r="AB22" s="460"/>
      <c r="AC22" s="460"/>
      <c r="AD22" s="460"/>
      <c r="AE22" s="460"/>
      <c r="AF22" s="460"/>
      <c r="AG22" s="450"/>
      <c r="AH22" s="624" t="s">
        <v>167</v>
      </c>
      <c r="AI22" s="460"/>
      <c r="AJ22" s="460"/>
      <c r="AK22" s="460"/>
      <c r="AL22" s="450"/>
      <c r="AM22" s="624" t="s">
        <v>168</v>
      </c>
      <c r="AN22" s="625"/>
      <c r="AO22" s="625"/>
      <c r="AP22" s="625"/>
      <c r="AQ22" s="625"/>
      <c r="AR22" s="626"/>
      <c r="AS22" s="618" t="s">
        <v>165</v>
      </c>
      <c r="AT22" s="619"/>
      <c r="AU22" s="619"/>
      <c r="AV22" s="619"/>
      <c r="AW22" s="619"/>
      <c r="AX22" s="630"/>
      <c r="AY22" s="403" t="s">
        <v>169</v>
      </c>
      <c r="AZ22" s="404"/>
      <c r="BA22" s="404"/>
      <c r="BB22" s="404"/>
      <c r="BC22" s="404"/>
      <c r="BD22" s="404"/>
      <c r="BE22" s="404"/>
      <c r="BF22" s="404"/>
      <c r="BG22" s="404"/>
      <c r="BH22" s="404"/>
      <c r="BI22" s="404"/>
      <c r="BJ22" s="404"/>
      <c r="BK22" s="404"/>
      <c r="BL22" s="404"/>
      <c r="BM22" s="405"/>
      <c r="BN22" s="406">
        <v>5604331</v>
      </c>
      <c r="BO22" s="407"/>
      <c r="BP22" s="407"/>
      <c r="BQ22" s="407"/>
      <c r="BR22" s="407"/>
      <c r="BS22" s="407"/>
      <c r="BT22" s="407"/>
      <c r="BU22" s="408"/>
      <c r="BV22" s="406">
        <v>5630767</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70</v>
      </c>
      <c r="AZ23" s="478"/>
      <c r="BA23" s="478"/>
      <c r="BB23" s="478"/>
      <c r="BC23" s="478"/>
      <c r="BD23" s="478"/>
      <c r="BE23" s="478"/>
      <c r="BF23" s="478"/>
      <c r="BG23" s="478"/>
      <c r="BH23" s="478"/>
      <c r="BI23" s="478"/>
      <c r="BJ23" s="478"/>
      <c r="BK23" s="478"/>
      <c r="BL23" s="478"/>
      <c r="BM23" s="479"/>
      <c r="BN23" s="443">
        <v>4933760</v>
      </c>
      <c r="BO23" s="444"/>
      <c r="BP23" s="444"/>
      <c r="BQ23" s="444"/>
      <c r="BR23" s="444"/>
      <c r="BS23" s="444"/>
      <c r="BT23" s="444"/>
      <c r="BU23" s="445"/>
      <c r="BV23" s="443">
        <v>4903038</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71</v>
      </c>
      <c r="F24" s="473"/>
      <c r="G24" s="473"/>
      <c r="H24" s="473"/>
      <c r="I24" s="473"/>
      <c r="J24" s="473"/>
      <c r="K24" s="474"/>
      <c r="L24" s="494">
        <v>1</v>
      </c>
      <c r="M24" s="495"/>
      <c r="N24" s="495"/>
      <c r="O24" s="495"/>
      <c r="P24" s="537"/>
      <c r="Q24" s="494">
        <v>7470</v>
      </c>
      <c r="R24" s="495"/>
      <c r="S24" s="495"/>
      <c r="T24" s="495"/>
      <c r="U24" s="495"/>
      <c r="V24" s="537"/>
      <c r="W24" s="589"/>
      <c r="X24" s="590"/>
      <c r="Y24" s="591"/>
      <c r="Z24" s="493" t="s">
        <v>172</v>
      </c>
      <c r="AA24" s="473"/>
      <c r="AB24" s="473"/>
      <c r="AC24" s="473"/>
      <c r="AD24" s="473"/>
      <c r="AE24" s="473"/>
      <c r="AF24" s="473"/>
      <c r="AG24" s="474"/>
      <c r="AH24" s="494">
        <v>91</v>
      </c>
      <c r="AI24" s="495"/>
      <c r="AJ24" s="495"/>
      <c r="AK24" s="495"/>
      <c r="AL24" s="537"/>
      <c r="AM24" s="494">
        <v>270361</v>
      </c>
      <c r="AN24" s="495"/>
      <c r="AO24" s="495"/>
      <c r="AP24" s="495"/>
      <c r="AQ24" s="495"/>
      <c r="AR24" s="537"/>
      <c r="AS24" s="494">
        <v>2971</v>
      </c>
      <c r="AT24" s="495"/>
      <c r="AU24" s="495"/>
      <c r="AV24" s="495"/>
      <c r="AW24" s="495"/>
      <c r="AX24" s="496"/>
      <c r="AY24" s="559" t="s">
        <v>173</v>
      </c>
      <c r="AZ24" s="560"/>
      <c r="BA24" s="560"/>
      <c r="BB24" s="560"/>
      <c r="BC24" s="560"/>
      <c r="BD24" s="560"/>
      <c r="BE24" s="560"/>
      <c r="BF24" s="560"/>
      <c r="BG24" s="560"/>
      <c r="BH24" s="560"/>
      <c r="BI24" s="560"/>
      <c r="BJ24" s="560"/>
      <c r="BK24" s="560"/>
      <c r="BL24" s="560"/>
      <c r="BM24" s="561"/>
      <c r="BN24" s="443">
        <v>3163157</v>
      </c>
      <c r="BO24" s="444"/>
      <c r="BP24" s="444"/>
      <c r="BQ24" s="444"/>
      <c r="BR24" s="444"/>
      <c r="BS24" s="444"/>
      <c r="BT24" s="444"/>
      <c r="BU24" s="445"/>
      <c r="BV24" s="443">
        <v>3029732</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4</v>
      </c>
      <c r="F25" s="473"/>
      <c r="G25" s="473"/>
      <c r="H25" s="473"/>
      <c r="I25" s="473"/>
      <c r="J25" s="473"/>
      <c r="K25" s="474"/>
      <c r="L25" s="494">
        <v>1</v>
      </c>
      <c r="M25" s="495"/>
      <c r="N25" s="495"/>
      <c r="O25" s="495"/>
      <c r="P25" s="537"/>
      <c r="Q25" s="494">
        <v>6130</v>
      </c>
      <c r="R25" s="495"/>
      <c r="S25" s="495"/>
      <c r="T25" s="495"/>
      <c r="U25" s="495"/>
      <c r="V25" s="537"/>
      <c r="W25" s="589"/>
      <c r="X25" s="590"/>
      <c r="Y25" s="591"/>
      <c r="Z25" s="493" t="s">
        <v>175</v>
      </c>
      <c r="AA25" s="473"/>
      <c r="AB25" s="473"/>
      <c r="AC25" s="473"/>
      <c r="AD25" s="473"/>
      <c r="AE25" s="473"/>
      <c r="AF25" s="473"/>
      <c r="AG25" s="474"/>
      <c r="AH25" s="494" t="s">
        <v>129</v>
      </c>
      <c r="AI25" s="495"/>
      <c r="AJ25" s="495"/>
      <c r="AK25" s="495"/>
      <c r="AL25" s="537"/>
      <c r="AM25" s="494" t="s">
        <v>176</v>
      </c>
      <c r="AN25" s="495"/>
      <c r="AO25" s="495"/>
      <c r="AP25" s="495"/>
      <c r="AQ25" s="495"/>
      <c r="AR25" s="537"/>
      <c r="AS25" s="494" t="s">
        <v>176</v>
      </c>
      <c r="AT25" s="495"/>
      <c r="AU25" s="495"/>
      <c r="AV25" s="495"/>
      <c r="AW25" s="495"/>
      <c r="AX25" s="496"/>
      <c r="AY25" s="403" t="s">
        <v>177</v>
      </c>
      <c r="AZ25" s="404"/>
      <c r="BA25" s="404"/>
      <c r="BB25" s="404"/>
      <c r="BC25" s="404"/>
      <c r="BD25" s="404"/>
      <c r="BE25" s="404"/>
      <c r="BF25" s="404"/>
      <c r="BG25" s="404"/>
      <c r="BH25" s="404"/>
      <c r="BI25" s="404"/>
      <c r="BJ25" s="404"/>
      <c r="BK25" s="404"/>
      <c r="BL25" s="404"/>
      <c r="BM25" s="405"/>
      <c r="BN25" s="406">
        <v>603520</v>
      </c>
      <c r="BO25" s="407"/>
      <c r="BP25" s="407"/>
      <c r="BQ25" s="407"/>
      <c r="BR25" s="407"/>
      <c r="BS25" s="407"/>
      <c r="BT25" s="407"/>
      <c r="BU25" s="408"/>
      <c r="BV25" s="406">
        <v>669587</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78</v>
      </c>
      <c r="F26" s="473"/>
      <c r="G26" s="473"/>
      <c r="H26" s="473"/>
      <c r="I26" s="473"/>
      <c r="J26" s="473"/>
      <c r="K26" s="474"/>
      <c r="L26" s="494">
        <v>1</v>
      </c>
      <c r="M26" s="495"/>
      <c r="N26" s="495"/>
      <c r="O26" s="495"/>
      <c r="P26" s="537"/>
      <c r="Q26" s="494">
        <v>5820</v>
      </c>
      <c r="R26" s="495"/>
      <c r="S26" s="495"/>
      <c r="T26" s="495"/>
      <c r="U26" s="495"/>
      <c r="V26" s="537"/>
      <c r="W26" s="589"/>
      <c r="X26" s="590"/>
      <c r="Y26" s="591"/>
      <c r="Z26" s="493" t="s">
        <v>179</v>
      </c>
      <c r="AA26" s="595"/>
      <c r="AB26" s="595"/>
      <c r="AC26" s="595"/>
      <c r="AD26" s="595"/>
      <c r="AE26" s="595"/>
      <c r="AF26" s="595"/>
      <c r="AG26" s="596"/>
      <c r="AH26" s="494" t="s">
        <v>129</v>
      </c>
      <c r="AI26" s="495"/>
      <c r="AJ26" s="495"/>
      <c r="AK26" s="495"/>
      <c r="AL26" s="537"/>
      <c r="AM26" s="494" t="s">
        <v>176</v>
      </c>
      <c r="AN26" s="495"/>
      <c r="AO26" s="495"/>
      <c r="AP26" s="495"/>
      <c r="AQ26" s="495"/>
      <c r="AR26" s="537"/>
      <c r="AS26" s="494" t="s">
        <v>176</v>
      </c>
      <c r="AT26" s="495"/>
      <c r="AU26" s="495"/>
      <c r="AV26" s="495"/>
      <c r="AW26" s="495"/>
      <c r="AX26" s="496"/>
      <c r="AY26" s="446" t="s">
        <v>180</v>
      </c>
      <c r="AZ26" s="447"/>
      <c r="BA26" s="447"/>
      <c r="BB26" s="447"/>
      <c r="BC26" s="447"/>
      <c r="BD26" s="447"/>
      <c r="BE26" s="447"/>
      <c r="BF26" s="447"/>
      <c r="BG26" s="447"/>
      <c r="BH26" s="447"/>
      <c r="BI26" s="447"/>
      <c r="BJ26" s="447"/>
      <c r="BK26" s="447"/>
      <c r="BL26" s="447"/>
      <c r="BM26" s="448"/>
      <c r="BN26" s="443" t="s">
        <v>129</v>
      </c>
      <c r="BO26" s="444"/>
      <c r="BP26" s="444"/>
      <c r="BQ26" s="444"/>
      <c r="BR26" s="444"/>
      <c r="BS26" s="444"/>
      <c r="BT26" s="444"/>
      <c r="BU26" s="445"/>
      <c r="BV26" s="443" t="s">
        <v>129</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81</v>
      </c>
      <c r="F27" s="473"/>
      <c r="G27" s="473"/>
      <c r="H27" s="473"/>
      <c r="I27" s="473"/>
      <c r="J27" s="473"/>
      <c r="K27" s="474"/>
      <c r="L27" s="494">
        <v>1</v>
      </c>
      <c r="M27" s="495"/>
      <c r="N27" s="495"/>
      <c r="O27" s="495"/>
      <c r="P27" s="537"/>
      <c r="Q27" s="494">
        <v>3500</v>
      </c>
      <c r="R27" s="495"/>
      <c r="S27" s="495"/>
      <c r="T27" s="495"/>
      <c r="U27" s="495"/>
      <c r="V27" s="537"/>
      <c r="W27" s="589"/>
      <c r="X27" s="590"/>
      <c r="Y27" s="591"/>
      <c r="Z27" s="493" t="s">
        <v>182</v>
      </c>
      <c r="AA27" s="473"/>
      <c r="AB27" s="473"/>
      <c r="AC27" s="473"/>
      <c r="AD27" s="473"/>
      <c r="AE27" s="473"/>
      <c r="AF27" s="473"/>
      <c r="AG27" s="474"/>
      <c r="AH27" s="494">
        <v>10</v>
      </c>
      <c r="AI27" s="495"/>
      <c r="AJ27" s="495"/>
      <c r="AK27" s="495"/>
      <c r="AL27" s="537"/>
      <c r="AM27" s="494">
        <v>24500</v>
      </c>
      <c r="AN27" s="495"/>
      <c r="AO27" s="495"/>
      <c r="AP27" s="495"/>
      <c r="AQ27" s="495"/>
      <c r="AR27" s="537"/>
      <c r="AS27" s="494">
        <v>2450</v>
      </c>
      <c r="AT27" s="495"/>
      <c r="AU27" s="495"/>
      <c r="AV27" s="495"/>
      <c r="AW27" s="495"/>
      <c r="AX27" s="496"/>
      <c r="AY27" s="538" t="s">
        <v>183</v>
      </c>
      <c r="AZ27" s="539"/>
      <c r="BA27" s="539"/>
      <c r="BB27" s="539"/>
      <c r="BC27" s="539"/>
      <c r="BD27" s="539"/>
      <c r="BE27" s="539"/>
      <c r="BF27" s="539"/>
      <c r="BG27" s="539"/>
      <c r="BH27" s="539"/>
      <c r="BI27" s="539"/>
      <c r="BJ27" s="539"/>
      <c r="BK27" s="539"/>
      <c r="BL27" s="539"/>
      <c r="BM27" s="540"/>
      <c r="BN27" s="562">
        <v>366877</v>
      </c>
      <c r="BO27" s="563"/>
      <c r="BP27" s="563"/>
      <c r="BQ27" s="563"/>
      <c r="BR27" s="563"/>
      <c r="BS27" s="563"/>
      <c r="BT27" s="563"/>
      <c r="BU27" s="564"/>
      <c r="BV27" s="562">
        <v>366875</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4</v>
      </c>
      <c r="F28" s="473"/>
      <c r="G28" s="473"/>
      <c r="H28" s="473"/>
      <c r="I28" s="473"/>
      <c r="J28" s="473"/>
      <c r="K28" s="474"/>
      <c r="L28" s="494">
        <v>1</v>
      </c>
      <c r="M28" s="495"/>
      <c r="N28" s="495"/>
      <c r="O28" s="495"/>
      <c r="P28" s="537"/>
      <c r="Q28" s="494">
        <v>2700</v>
      </c>
      <c r="R28" s="495"/>
      <c r="S28" s="495"/>
      <c r="T28" s="495"/>
      <c r="U28" s="495"/>
      <c r="V28" s="537"/>
      <c r="W28" s="589"/>
      <c r="X28" s="590"/>
      <c r="Y28" s="591"/>
      <c r="Z28" s="493" t="s">
        <v>185</v>
      </c>
      <c r="AA28" s="473"/>
      <c r="AB28" s="473"/>
      <c r="AC28" s="473"/>
      <c r="AD28" s="473"/>
      <c r="AE28" s="473"/>
      <c r="AF28" s="473"/>
      <c r="AG28" s="474"/>
      <c r="AH28" s="494" t="s">
        <v>176</v>
      </c>
      <c r="AI28" s="495"/>
      <c r="AJ28" s="495"/>
      <c r="AK28" s="495"/>
      <c r="AL28" s="537"/>
      <c r="AM28" s="494" t="s">
        <v>129</v>
      </c>
      <c r="AN28" s="495"/>
      <c r="AO28" s="495"/>
      <c r="AP28" s="495"/>
      <c r="AQ28" s="495"/>
      <c r="AR28" s="537"/>
      <c r="AS28" s="494" t="s">
        <v>176</v>
      </c>
      <c r="AT28" s="495"/>
      <c r="AU28" s="495"/>
      <c r="AV28" s="495"/>
      <c r="AW28" s="495"/>
      <c r="AX28" s="496"/>
      <c r="AY28" s="597" t="s">
        <v>186</v>
      </c>
      <c r="AZ28" s="598"/>
      <c r="BA28" s="598"/>
      <c r="BB28" s="599"/>
      <c r="BC28" s="403" t="s">
        <v>49</v>
      </c>
      <c r="BD28" s="404"/>
      <c r="BE28" s="404"/>
      <c r="BF28" s="404"/>
      <c r="BG28" s="404"/>
      <c r="BH28" s="404"/>
      <c r="BI28" s="404"/>
      <c r="BJ28" s="404"/>
      <c r="BK28" s="404"/>
      <c r="BL28" s="404"/>
      <c r="BM28" s="405"/>
      <c r="BN28" s="406">
        <v>1495730</v>
      </c>
      <c r="BO28" s="407"/>
      <c r="BP28" s="407"/>
      <c r="BQ28" s="407"/>
      <c r="BR28" s="407"/>
      <c r="BS28" s="407"/>
      <c r="BT28" s="407"/>
      <c r="BU28" s="408"/>
      <c r="BV28" s="406">
        <v>1195717</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87</v>
      </c>
      <c r="F29" s="473"/>
      <c r="G29" s="473"/>
      <c r="H29" s="473"/>
      <c r="I29" s="473"/>
      <c r="J29" s="473"/>
      <c r="K29" s="474"/>
      <c r="L29" s="494">
        <v>10</v>
      </c>
      <c r="M29" s="495"/>
      <c r="N29" s="495"/>
      <c r="O29" s="495"/>
      <c r="P29" s="537"/>
      <c r="Q29" s="494">
        <v>2500</v>
      </c>
      <c r="R29" s="495"/>
      <c r="S29" s="495"/>
      <c r="T29" s="495"/>
      <c r="U29" s="495"/>
      <c r="V29" s="537"/>
      <c r="W29" s="592"/>
      <c r="X29" s="593"/>
      <c r="Y29" s="594"/>
      <c r="Z29" s="493" t="s">
        <v>188</v>
      </c>
      <c r="AA29" s="473"/>
      <c r="AB29" s="473"/>
      <c r="AC29" s="473"/>
      <c r="AD29" s="473"/>
      <c r="AE29" s="473"/>
      <c r="AF29" s="473"/>
      <c r="AG29" s="474"/>
      <c r="AH29" s="494">
        <v>101</v>
      </c>
      <c r="AI29" s="495"/>
      <c r="AJ29" s="495"/>
      <c r="AK29" s="495"/>
      <c r="AL29" s="537"/>
      <c r="AM29" s="494">
        <v>294861</v>
      </c>
      <c r="AN29" s="495"/>
      <c r="AO29" s="495"/>
      <c r="AP29" s="495"/>
      <c r="AQ29" s="495"/>
      <c r="AR29" s="537"/>
      <c r="AS29" s="494">
        <v>2919</v>
      </c>
      <c r="AT29" s="495"/>
      <c r="AU29" s="495"/>
      <c r="AV29" s="495"/>
      <c r="AW29" s="495"/>
      <c r="AX29" s="496"/>
      <c r="AY29" s="600"/>
      <c r="AZ29" s="601"/>
      <c r="BA29" s="601"/>
      <c r="BB29" s="602"/>
      <c r="BC29" s="477" t="s">
        <v>189</v>
      </c>
      <c r="BD29" s="478"/>
      <c r="BE29" s="478"/>
      <c r="BF29" s="478"/>
      <c r="BG29" s="478"/>
      <c r="BH29" s="478"/>
      <c r="BI29" s="478"/>
      <c r="BJ29" s="478"/>
      <c r="BK29" s="478"/>
      <c r="BL29" s="478"/>
      <c r="BM29" s="479"/>
      <c r="BN29" s="443">
        <v>785</v>
      </c>
      <c r="BO29" s="444"/>
      <c r="BP29" s="444"/>
      <c r="BQ29" s="444"/>
      <c r="BR29" s="444"/>
      <c r="BS29" s="444"/>
      <c r="BT29" s="444"/>
      <c r="BU29" s="445"/>
      <c r="BV29" s="443">
        <v>785</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90</v>
      </c>
      <c r="X30" s="611"/>
      <c r="Y30" s="611"/>
      <c r="Z30" s="611"/>
      <c r="AA30" s="611"/>
      <c r="AB30" s="611"/>
      <c r="AC30" s="611"/>
      <c r="AD30" s="611"/>
      <c r="AE30" s="611"/>
      <c r="AF30" s="611"/>
      <c r="AG30" s="612"/>
      <c r="AH30" s="570">
        <v>97.5</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1</v>
      </c>
      <c r="BD30" s="560"/>
      <c r="BE30" s="560"/>
      <c r="BF30" s="560"/>
      <c r="BG30" s="560"/>
      <c r="BH30" s="560"/>
      <c r="BI30" s="560"/>
      <c r="BJ30" s="560"/>
      <c r="BK30" s="560"/>
      <c r="BL30" s="560"/>
      <c r="BM30" s="561"/>
      <c r="BN30" s="562">
        <v>497858</v>
      </c>
      <c r="BO30" s="563"/>
      <c r="BP30" s="563"/>
      <c r="BQ30" s="563"/>
      <c r="BR30" s="563"/>
      <c r="BS30" s="563"/>
      <c r="BT30" s="563"/>
      <c r="BU30" s="564"/>
      <c r="BV30" s="562">
        <v>397241</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91</v>
      </c>
      <c r="D32" s="606"/>
      <c r="E32" s="606"/>
      <c r="F32" s="606"/>
      <c r="G32" s="606"/>
      <c r="H32" s="606"/>
      <c r="I32" s="606"/>
      <c r="J32" s="606"/>
      <c r="K32" s="606"/>
      <c r="L32" s="606"/>
      <c r="M32" s="606"/>
      <c r="N32" s="606"/>
      <c r="O32" s="606"/>
      <c r="P32" s="606"/>
      <c r="Q32" s="606"/>
      <c r="R32" s="606"/>
      <c r="S32" s="606"/>
      <c r="U32" s="447" t="s">
        <v>192</v>
      </c>
      <c r="V32" s="447"/>
      <c r="W32" s="447"/>
      <c r="X32" s="447"/>
      <c r="Y32" s="447"/>
      <c r="Z32" s="447"/>
      <c r="AA32" s="447"/>
      <c r="AB32" s="447"/>
      <c r="AC32" s="447"/>
      <c r="AD32" s="447"/>
      <c r="AE32" s="447"/>
      <c r="AF32" s="447"/>
      <c r="AG32" s="447"/>
      <c r="AH32" s="447"/>
      <c r="AI32" s="447"/>
      <c r="AJ32" s="447"/>
      <c r="AK32" s="447"/>
      <c r="AM32" s="447" t="s">
        <v>193</v>
      </c>
      <c r="AN32" s="447"/>
      <c r="AO32" s="447"/>
      <c r="AP32" s="447"/>
      <c r="AQ32" s="447"/>
      <c r="AR32" s="447"/>
      <c r="AS32" s="447"/>
      <c r="AT32" s="447"/>
      <c r="AU32" s="447"/>
      <c r="AV32" s="447"/>
      <c r="AW32" s="447"/>
      <c r="AX32" s="447"/>
      <c r="AY32" s="447"/>
      <c r="AZ32" s="447"/>
      <c r="BA32" s="447"/>
      <c r="BB32" s="447"/>
      <c r="BC32" s="447"/>
      <c r="BE32" s="447" t="s">
        <v>194</v>
      </c>
      <c r="BF32" s="447"/>
      <c r="BG32" s="447"/>
      <c r="BH32" s="447"/>
      <c r="BI32" s="447"/>
      <c r="BJ32" s="447"/>
      <c r="BK32" s="447"/>
      <c r="BL32" s="447"/>
      <c r="BM32" s="447"/>
      <c r="BN32" s="447"/>
      <c r="BO32" s="447"/>
      <c r="BP32" s="447"/>
      <c r="BQ32" s="447"/>
      <c r="BR32" s="447"/>
      <c r="BS32" s="447"/>
      <c r="BT32" s="447"/>
      <c r="BU32" s="447"/>
      <c r="BW32" s="447" t="s">
        <v>195</v>
      </c>
      <c r="BX32" s="447"/>
      <c r="BY32" s="447"/>
      <c r="BZ32" s="447"/>
      <c r="CA32" s="447"/>
      <c r="CB32" s="447"/>
      <c r="CC32" s="447"/>
      <c r="CD32" s="447"/>
      <c r="CE32" s="447"/>
      <c r="CF32" s="447"/>
      <c r="CG32" s="447"/>
      <c r="CH32" s="447"/>
      <c r="CI32" s="447"/>
      <c r="CJ32" s="447"/>
      <c r="CK32" s="447"/>
      <c r="CL32" s="447"/>
      <c r="CM32" s="447"/>
      <c r="CO32" s="447" t="s">
        <v>196</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197</v>
      </c>
      <c r="D33" s="467"/>
      <c r="E33" s="432" t="s">
        <v>198</v>
      </c>
      <c r="F33" s="432"/>
      <c r="G33" s="432"/>
      <c r="H33" s="432"/>
      <c r="I33" s="432"/>
      <c r="J33" s="432"/>
      <c r="K33" s="432"/>
      <c r="L33" s="432"/>
      <c r="M33" s="432"/>
      <c r="N33" s="432"/>
      <c r="O33" s="432"/>
      <c r="P33" s="432"/>
      <c r="Q33" s="432"/>
      <c r="R33" s="432"/>
      <c r="S33" s="432"/>
      <c r="T33" s="206"/>
      <c r="U33" s="467" t="s">
        <v>197</v>
      </c>
      <c r="V33" s="467"/>
      <c r="W33" s="432" t="s">
        <v>198</v>
      </c>
      <c r="X33" s="432"/>
      <c r="Y33" s="432"/>
      <c r="Z33" s="432"/>
      <c r="AA33" s="432"/>
      <c r="AB33" s="432"/>
      <c r="AC33" s="432"/>
      <c r="AD33" s="432"/>
      <c r="AE33" s="432"/>
      <c r="AF33" s="432"/>
      <c r="AG33" s="432"/>
      <c r="AH33" s="432"/>
      <c r="AI33" s="432"/>
      <c r="AJ33" s="432"/>
      <c r="AK33" s="432"/>
      <c r="AL33" s="206"/>
      <c r="AM33" s="467" t="s">
        <v>197</v>
      </c>
      <c r="AN33" s="467"/>
      <c r="AO33" s="432" t="s">
        <v>198</v>
      </c>
      <c r="AP33" s="432"/>
      <c r="AQ33" s="432"/>
      <c r="AR33" s="432"/>
      <c r="AS33" s="432"/>
      <c r="AT33" s="432"/>
      <c r="AU33" s="432"/>
      <c r="AV33" s="432"/>
      <c r="AW33" s="432"/>
      <c r="AX33" s="432"/>
      <c r="AY33" s="432"/>
      <c r="AZ33" s="432"/>
      <c r="BA33" s="432"/>
      <c r="BB33" s="432"/>
      <c r="BC33" s="432"/>
      <c r="BD33" s="207"/>
      <c r="BE33" s="432" t="s">
        <v>199</v>
      </c>
      <c r="BF33" s="432"/>
      <c r="BG33" s="432" t="s">
        <v>200</v>
      </c>
      <c r="BH33" s="432"/>
      <c r="BI33" s="432"/>
      <c r="BJ33" s="432"/>
      <c r="BK33" s="432"/>
      <c r="BL33" s="432"/>
      <c r="BM33" s="432"/>
      <c r="BN33" s="432"/>
      <c r="BO33" s="432"/>
      <c r="BP33" s="432"/>
      <c r="BQ33" s="432"/>
      <c r="BR33" s="432"/>
      <c r="BS33" s="432"/>
      <c r="BT33" s="432"/>
      <c r="BU33" s="432"/>
      <c r="BV33" s="207"/>
      <c r="BW33" s="467" t="s">
        <v>199</v>
      </c>
      <c r="BX33" s="467"/>
      <c r="BY33" s="432" t="s">
        <v>201</v>
      </c>
      <c r="BZ33" s="432"/>
      <c r="CA33" s="432"/>
      <c r="CB33" s="432"/>
      <c r="CC33" s="432"/>
      <c r="CD33" s="432"/>
      <c r="CE33" s="432"/>
      <c r="CF33" s="432"/>
      <c r="CG33" s="432"/>
      <c r="CH33" s="432"/>
      <c r="CI33" s="432"/>
      <c r="CJ33" s="432"/>
      <c r="CK33" s="432"/>
      <c r="CL33" s="432"/>
      <c r="CM33" s="432"/>
      <c r="CN33" s="206"/>
      <c r="CO33" s="467" t="s">
        <v>197</v>
      </c>
      <c r="CP33" s="467"/>
      <c r="CQ33" s="432" t="s">
        <v>202</v>
      </c>
      <c r="CR33" s="432"/>
      <c r="CS33" s="432"/>
      <c r="CT33" s="432"/>
      <c r="CU33" s="432"/>
      <c r="CV33" s="432"/>
      <c r="CW33" s="432"/>
      <c r="CX33" s="432"/>
      <c r="CY33" s="432"/>
      <c r="CZ33" s="432"/>
      <c r="DA33" s="432"/>
      <c r="DB33" s="432"/>
      <c r="DC33" s="432"/>
      <c r="DD33" s="432"/>
      <c r="DE33" s="432"/>
      <c r="DF33" s="206"/>
      <c r="DG33" s="632" t="s">
        <v>203</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3</v>
      </c>
      <c r="V34" s="633"/>
      <c r="W34" s="634" t="str">
        <f>IF('各会計、関係団体の財政状況及び健全化判断比率'!B28="","",'各会計、関係団体の財政状況及び健全化判断比率'!B28)</f>
        <v>国民健康保険事業特別会計</v>
      </c>
      <c r="X34" s="634"/>
      <c r="Y34" s="634"/>
      <c r="Z34" s="634"/>
      <c r="AA34" s="634"/>
      <c r="AB34" s="634"/>
      <c r="AC34" s="634"/>
      <c r="AD34" s="634"/>
      <c r="AE34" s="634"/>
      <c r="AF34" s="634"/>
      <c r="AG34" s="634"/>
      <c r="AH34" s="634"/>
      <c r="AI34" s="634"/>
      <c r="AJ34" s="634"/>
      <c r="AK34" s="634"/>
      <c r="AL34" s="181"/>
      <c r="AM34" s="633">
        <f>IF(AO34="","",MAX(C34:D43,U34:V43)+1)</f>
        <v>7</v>
      </c>
      <c r="AN34" s="633"/>
      <c r="AO34" s="634" t="str">
        <f>IF('各会計、関係団体の財政状況及び健全化判断比率'!B32="","",'各会計、関係団体の財政状況及び健全化判断比率'!B32)</f>
        <v>上水道事業会計</v>
      </c>
      <c r="AP34" s="634"/>
      <c r="AQ34" s="634"/>
      <c r="AR34" s="634"/>
      <c r="AS34" s="634"/>
      <c r="AT34" s="634"/>
      <c r="AU34" s="634"/>
      <c r="AV34" s="634"/>
      <c r="AW34" s="634"/>
      <c r="AX34" s="634"/>
      <c r="AY34" s="634"/>
      <c r="AZ34" s="634"/>
      <c r="BA34" s="634"/>
      <c r="BB34" s="634"/>
      <c r="BC34" s="634"/>
      <c r="BD34" s="181"/>
      <c r="BE34" s="633">
        <f>IF(BG34="","",MAX(C34:D43,U34:V43,AM34:AN43)+1)</f>
        <v>8</v>
      </c>
      <c r="BF34" s="633"/>
      <c r="BG34" s="634" t="str">
        <f>IF('各会計、関係団体の財政状況及び健全化判断比率'!B33="","",'各会計、関係団体の財政状況及び健全化判断比率'!B33)</f>
        <v>下水道事業特別会計</v>
      </c>
      <c r="BH34" s="634"/>
      <c r="BI34" s="634"/>
      <c r="BJ34" s="634"/>
      <c r="BK34" s="634"/>
      <c r="BL34" s="634"/>
      <c r="BM34" s="634"/>
      <c r="BN34" s="634"/>
      <c r="BO34" s="634"/>
      <c r="BP34" s="634"/>
      <c r="BQ34" s="634"/>
      <c r="BR34" s="634"/>
      <c r="BS34" s="634"/>
      <c r="BT34" s="634"/>
      <c r="BU34" s="634"/>
      <c r="BV34" s="181"/>
      <c r="BW34" s="633">
        <f>IF(BY34="","",MAX(C34:D43,U34:V43,AM34:AN43,BE34:BF43)+1)</f>
        <v>10</v>
      </c>
      <c r="BX34" s="633"/>
      <c r="BY34" s="634" t="str">
        <f>IF('各会計、関係団体の財政状況及び健全化判断比率'!B68="","",'各会計、関係団体の財政状況及び健全化判断比率'!B68)</f>
        <v>南足柄市外五ケ市町組合</v>
      </c>
      <c r="BZ34" s="634"/>
      <c r="CA34" s="634"/>
      <c r="CB34" s="634"/>
      <c r="CC34" s="634"/>
      <c r="CD34" s="634"/>
      <c r="CE34" s="634"/>
      <c r="CF34" s="634"/>
      <c r="CG34" s="634"/>
      <c r="CH34" s="634"/>
      <c r="CI34" s="634"/>
      <c r="CJ34" s="634"/>
      <c r="CK34" s="634"/>
      <c r="CL34" s="634"/>
      <c r="CM34" s="634"/>
      <c r="CN34" s="181"/>
      <c r="CO34" s="633">
        <f>IF(CQ34="","",MAX(C34:D43,U34:V43,AM34:AN43,BE34:BF43,BW34:BX43)+1)</f>
        <v>19</v>
      </c>
      <c r="CP34" s="633"/>
      <c r="CQ34" s="634" t="str">
        <f>IF('各会計、関係団体の財政状況及び健全化判断比率'!BS7="","",'各会計、関係団体の財政状況及び健全化判断比率'!BS7)</f>
        <v>有限会社　みやまの里</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
      </c>
      <c r="DH34" s="635"/>
      <c r="DI34" s="208"/>
    </row>
    <row r="35" spans="1:113" ht="32.25" customHeight="1" x14ac:dyDescent="0.2">
      <c r="A35" s="181"/>
      <c r="B35" s="205"/>
      <c r="C35" s="633">
        <f>IF(E35="","",C34+1)</f>
        <v>2</v>
      </c>
      <c r="D35" s="633"/>
      <c r="E35" s="634" t="str">
        <f>IF('各会計、関係団体の財政状況及び健全化判断比率'!B8="","",'各会計、関係団体の財政状況及び健全化判断比率'!B8)</f>
        <v>用地取得特別会計</v>
      </c>
      <c r="F35" s="634"/>
      <c r="G35" s="634"/>
      <c r="H35" s="634"/>
      <c r="I35" s="634"/>
      <c r="J35" s="634"/>
      <c r="K35" s="634"/>
      <c r="L35" s="634"/>
      <c r="M35" s="634"/>
      <c r="N35" s="634"/>
      <c r="O35" s="634"/>
      <c r="P35" s="634"/>
      <c r="Q35" s="634"/>
      <c r="R35" s="634"/>
      <c r="S35" s="634"/>
      <c r="T35" s="181"/>
      <c r="U35" s="633">
        <f>IF(W35="","",U34+1)</f>
        <v>4</v>
      </c>
      <c r="V35" s="633"/>
      <c r="W35" s="634" t="str">
        <f>IF('各会計、関係団体の財政状況及び健全化判断比率'!B29="","",'各会計、関係団体の財政状況及び健全化判断比率'!B29)</f>
        <v>国民健康保険診療所事業特別会計</v>
      </c>
      <c r="X35" s="634"/>
      <c r="Y35" s="634"/>
      <c r="Z35" s="634"/>
      <c r="AA35" s="634"/>
      <c r="AB35" s="634"/>
      <c r="AC35" s="634"/>
      <c r="AD35" s="634"/>
      <c r="AE35" s="634"/>
      <c r="AF35" s="634"/>
      <c r="AG35" s="634"/>
      <c r="AH35" s="634"/>
      <c r="AI35" s="634"/>
      <c r="AJ35" s="634"/>
      <c r="AK35" s="634"/>
      <c r="AL35" s="181"/>
      <c r="AM35" s="633" t="str">
        <f t="shared" ref="AM35:AM43" si="0">IF(AO35="","",AM34+1)</f>
        <v/>
      </c>
      <c r="AN35" s="633"/>
      <c r="AO35" s="634"/>
      <c r="AP35" s="634"/>
      <c r="AQ35" s="634"/>
      <c r="AR35" s="634"/>
      <c r="AS35" s="634"/>
      <c r="AT35" s="634"/>
      <c r="AU35" s="634"/>
      <c r="AV35" s="634"/>
      <c r="AW35" s="634"/>
      <c r="AX35" s="634"/>
      <c r="AY35" s="634"/>
      <c r="AZ35" s="634"/>
      <c r="BA35" s="634"/>
      <c r="BB35" s="634"/>
      <c r="BC35" s="634"/>
      <c r="BD35" s="181"/>
      <c r="BE35" s="633">
        <f t="shared" ref="BE35:BE43" si="1">IF(BG35="","",BE34+1)</f>
        <v>9</v>
      </c>
      <c r="BF35" s="633"/>
      <c r="BG35" s="634" t="str">
        <f>IF('各会計、関係団体の財政状況及び健全化判断比率'!B34="","",'各会計、関係団体の財政状況及び健全化判断比率'!B34)</f>
        <v>寄簡易水道事業特別会計</v>
      </c>
      <c r="BH35" s="634"/>
      <c r="BI35" s="634"/>
      <c r="BJ35" s="634"/>
      <c r="BK35" s="634"/>
      <c r="BL35" s="634"/>
      <c r="BM35" s="634"/>
      <c r="BN35" s="634"/>
      <c r="BO35" s="634"/>
      <c r="BP35" s="634"/>
      <c r="BQ35" s="634"/>
      <c r="BR35" s="634"/>
      <c r="BS35" s="634"/>
      <c r="BT35" s="634"/>
      <c r="BU35" s="634"/>
      <c r="BV35" s="181"/>
      <c r="BW35" s="633">
        <f t="shared" ref="BW35:BW43" si="2">IF(BY35="","",BW34+1)</f>
        <v>11</v>
      </c>
      <c r="BX35" s="633"/>
      <c r="BY35" s="634" t="str">
        <f>IF('各会計、関係団体の財政状況及び健全化判断比率'!B69="","",'各会計、関係団体の財政状況及び健全化判断比率'!B69)</f>
        <v>松田町外二ヶ町組合</v>
      </c>
      <c r="BZ35" s="634"/>
      <c r="CA35" s="634"/>
      <c r="CB35" s="634"/>
      <c r="CC35" s="634"/>
      <c r="CD35" s="634"/>
      <c r="CE35" s="634"/>
      <c r="CF35" s="634"/>
      <c r="CG35" s="634"/>
      <c r="CH35" s="634"/>
      <c r="CI35" s="634"/>
      <c r="CJ35" s="634"/>
      <c r="CK35" s="634"/>
      <c r="CL35" s="634"/>
      <c r="CM35" s="634"/>
      <c r="CN35" s="181"/>
      <c r="CO35" s="633" t="str">
        <f t="shared" ref="CO35:CO43" si="3">IF(CQ35="","",CO34+1)</f>
        <v/>
      </c>
      <c r="CP35" s="633"/>
      <c r="CQ35" s="634" t="str">
        <f>IF('各会計、関係団体の財政状況及び健全化判断比率'!BS8="","",'各会計、関係団体の財政状況及び健全化判断比率'!BS8)</f>
        <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
      </c>
      <c r="DH35" s="635"/>
      <c r="DI35" s="208"/>
    </row>
    <row r="36" spans="1:113" ht="32.25" customHeight="1" x14ac:dyDescent="0.2">
      <c r="A36" s="181"/>
      <c r="B36" s="205"/>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81"/>
      <c r="U36" s="633">
        <f t="shared" ref="U36:U43" si="4">IF(W36="","",U35+1)</f>
        <v>5</v>
      </c>
      <c r="V36" s="633"/>
      <c r="W36" s="634" t="str">
        <f>IF('各会計、関係団体の財政状況及び健全化判断比率'!B30="","",'各会計、関係団体の財政状況及び健全化判断比率'!B30)</f>
        <v>介護保険事業特別会計</v>
      </c>
      <c r="X36" s="634"/>
      <c r="Y36" s="634"/>
      <c r="Z36" s="634"/>
      <c r="AA36" s="634"/>
      <c r="AB36" s="634"/>
      <c r="AC36" s="634"/>
      <c r="AD36" s="634"/>
      <c r="AE36" s="634"/>
      <c r="AF36" s="634"/>
      <c r="AG36" s="634"/>
      <c r="AH36" s="634"/>
      <c r="AI36" s="634"/>
      <c r="AJ36" s="634"/>
      <c r="AK36" s="634"/>
      <c r="AL36" s="181"/>
      <c r="AM36" s="633" t="str">
        <f t="shared" si="0"/>
        <v/>
      </c>
      <c r="AN36" s="633"/>
      <c r="AO36" s="634"/>
      <c r="AP36" s="634"/>
      <c r="AQ36" s="634"/>
      <c r="AR36" s="634"/>
      <c r="AS36" s="634"/>
      <c r="AT36" s="634"/>
      <c r="AU36" s="634"/>
      <c r="AV36" s="634"/>
      <c r="AW36" s="634"/>
      <c r="AX36" s="634"/>
      <c r="AY36" s="634"/>
      <c r="AZ36" s="634"/>
      <c r="BA36" s="634"/>
      <c r="BB36" s="634"/>
      <c r="BC36" s="634"/>
      <c r="BD36" s="181"/>
      <c r="BE36" s="633" t="str">
        <f t="shared" si="1"/>
        <v/>
      </c>
      <c r="BF36" s="633"/>
      <c r="BG36" s="634"/>
      <c r="BH36" s="634"/>
      <c r="BI36" s="634"/>
      <c r="BJ36" s="634"/>
      <c r="BK36" s="634"/>
      <c r="BL36" s="634"/>
      <c r="BM36" s="634"/>
      <c r="BN36" s="634"/>
      <c r="BO36" s="634"/>
      <c r="BP36" s="634"/>
      <c r="BQ36" s="634"/>
      <c r="BR36" s="634"/>
      <c r="BS36" s="634"/>
      <c r="BT36" s="634"/>
      <c r="BU36" s="634"/>
      <c r="BV36" s="181"/>
      <c r="BW36" s="633">
        <f t="shared" si="2"/>
        <v>12</v>
      </c>
      <c r="BX36" s="633"/>
      <c r="BY36" s="634" t="str">
        <f>IF('各会計、関係団体の財政状況及び健全化判断比率'!B70="","",'各会計、関係団体の財政状況及び健全化判断比率'!B70)</f>
        <v>足柄上衛生組合</v>
      </c>
      <c r="BZ36" s="634"/>
      <c r="CA36" s="634"/>
      <c r="CB36" s="634"/>
      <c r="CC36" s="634"/>
      <c r="CD36" s="634"/>
      <c r="CE36" s="634"/>
      <c r="CF36" s="634"/>
      <c r="CG36" s="634"/>
      <c r="CH36" s="634"/>
      <c r="CI36" s="634"/>
      <c r="CJ36" s="634"/>
      <c r="CK36" s="634"/>
      <c r="CL36" s="634"/>
      <c r="CM36" s="634"/>
      <c r="CN36" s="181"/>
      <c r="CO36" s="633" t="str">
        <f t="shared" si="3"/>
        <v/>
      </c>
      <c r="CP36" s="633"/>
      <c r="CQ36" s="634" t="str">
        <f>IF('各会計、関係団体の財政状況及び健全化判断比率'!BS9="","",'各会計、関係団体の財政状況及び健全化判断比率'!BS9)</f>
        <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81"/>
      <c r="U37" s="633">
        <f t="shared" si="4"/>
        <v>6</v>
      </c>
      <c r="V37" s="633"/>
      <c r="W37" s="634" t="str">
        <f>IF('各会計、関係団体の財政状況及び健全化判断比率'!B31="","",'各会計、関係団体の財政状況及び健全化判断比率'!B31)</f>
        <v>後期高齢者医療特別会計</v>
      </c>
      <c r="X37" s="634"/>
      <c r="Y37" s="634"/>
      <c r="Z37" s="634"/>
      <c r="AA37" s="634"/>
      <c r="AB37" s="634"/>
      <c r="AC37" s="634"/>
      <c r="AD37" s="634"/>
      <c r="AE37" s="634"/>
      <c r="AF37" s="634"/>
      <c r="AG37" s="634"/>
      <c r="AH37" s="634"/>
      <c r="AI37" s="634"/>
      <c r="AJ37" s="634"/>
      <c r="AK37" s="634"/>
      <c r="AL37" s="181"/>
      <c r="AM37" s="633" t="str">
        <f t="shared" si="0"/>
        <v/>
      </c>
      <c r="AN37" s="633"/>
      <c r="AO37" s="634"/>
      <c r="AP37" s="634"/>
      <c r="AQ37" s="634"/>
      <c r="AR37" s="634"/>
      <c r="AS37" s="634"/>
      <c r="AT37" s="634"/>
      <c r="AU37" s="634"/>
      <c r="AV37" s="634"/>
      <c r="AW37" s="634"/>
      <c r="AX37" s="634"/>
      <c r="AY37" s="634"/>
      <c r="AZ37" s="634"/>
      <c r="BA37" s="634"/>
      <c r="BB37" s="634"/>
      <c r="BC37" s="634"/>
      <c r="BD37" s="181"/>
      <c r="BE37" s="633" t="str">
        <f t="shared" si="1"/>
        <v/>
      </c>
      <c r="BF37" s="633"/>
      <c r="BG37" s="634"/>
      <c r="BH37" s="634"/>
      <c r="BI37" s="634"/>
      <c r="BJ37" s="634"/>
      <c r="BK37" s="634"/>
      <c r="BL37" s="634"/>
      <c r="BM37" s="634"/>
      <c r="BN37" s="634"/>
      <c r="BO37" s="634"/>
      <c r="BP37" s="634"/>
      <c r="BQ37" s="634"/>
      <c r="BR37" s="634"/>
      <c r="BS37" s="634"/>
      <c r="BT37" s="634"/>
      <c r="BU37" s="634"/>
      <c r="BV37" s="181"/>
      <c r="BW37" s="633">
        <f t="shared" si="2"/>
        <v>13</v>
      </c>
      <c r="BX37" s="633"/>
      <c r="BY37" s="634" t="str">
        <f>IF('各会計、関係団体の財政状況及び健全化判断比率'!B71="","",'各会計、関係団体の財政状況及び健全化判断比率'!B71)</f>
        <v>足柄東部清掃組合</v>
      </c>
      <c r="BZ37" s="634"/>
      <c r="CA37" s="634"/>
      <c r="CB37" s="634"/>
      <c r="CC37" s="634"/>
      <c r="CD37" s="634"/>
      <c r="CE37" s="634"/>
      <c r="CF37" s="634"/>
      <c r="CG37" s="634"/>
      <c r="CH37" s="634"/>
      <c r="CI37" s="634"/>
      <c r="CJ37" s="634"/>
      <c r="CK37" s="634"/>
      <c r="CL37" s="634"/>
      <c r="CM37" s="634"/>
      <c r="CN37" s="181"/>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81"/>
      <c r="U38" s="633" t="str">
        <f t="shared" si="4"/>
        <v/>
      </c>
      <c r="V38" s="633"/>
      <c r="W38" s="634"/>
      <c r="X38" s="634"/>
      <c r="Y38" s="634"/>
      <c r="Z38" s="634"/>
      <c r="AA38" s="634"/>
      <c r="AB38" s="634"/>
      <c r="AC38" s="634"/>
      <c r="AD38" s="634"/>
      <c r="AE38" s="634"/>
      <c r="AF38" s="634"/>
      <c r="AG38" s="634"/>
      <c r="AH38" s="634"/>
      <c r="AI38" s="634"/>
      <c r="AJ38" s="634"/>
      <c r="AK38" s="634"/>
      <c r="AL38" s="181"/>
      <c r="AM38" s="633" t="str">
        <f t="shared" si="0"/>
        <v/>
      </c>
      <c r="AN38" s="633"/>
      <c r="AO38" s="634"/>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f t="shared" si="2"/>
        <v>14</v>
      </c>
      <c r="BX38" s="633"/>
      <c r="BY38" s="634" t="str">
        <f>IF('各会計、関係団体の財政状況及び健全化判断比率'!B72="","",'各会計、関係団体の財政状況及び健全化判断比率'!B72)</f>
        <v>松田町外三ケ町組合</v>
      </c>
      <c r="BZ38" s="634"/>
      <c r="CA38" s="634"/>
      <c r="CB38" s="634"/>
      <c r="CC38" s="634"/>
      <c r="CD38" s="634"/>
      <c r="CE38" s="634"/>
      <c r="CF38" s="634"/>
      <c r="CG38" s="634"/>
      <c r="CH38" s="634"/>
      <c r="CI38" s="634"/>
      <c r="CJ38" s="634"/>
      <c r="CK38" s="634"/>
      <c r="CL38" s="634"/>
      <c r="CM38" s="634"/>
      <c r="CN38" s="181"/>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t="str">
        <f t="shared" si="0"/>
        <v/>
      </c>
      <c r="AN39" s="633"/>
      <c r="AO39" s="634"/>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f t="shared" si="2"/>
        <v>15</v>
      </c>
      <c r="BX39" s="633"/>
      <c r="BY39" s="634" t="str">
        <f>IF('各会計、関係団体の財政状況及び健全化判断比率'!B73="","",'各会計、関係団体の財政状況及び健全化判断比率'!B73)</f>
        <v>神奈川県市町村職員退職手当組合</v>
      </c>
      <c r="BZ39" s="634"/>
      <c r="CA39" s="634"/>
      <c r="CB39" s="634"/>
      <c r="CC39" s="634"/>
      <c r="CD39" s="634"/>
      <c r="CE39" s="634"/>
      <c r="CF39" s="634"/>
      <c r="CG39" s="634"/>
      <c r="CH39" s="634"/>
      <c r="CI39" s="634"/>
      <c r="CJ39" s="634"/>
      <c r="CK39" s="634"/>
      <c r="CL39" s="634"/>
      <c r="CM39" s="634"/>
      <c r="CN39" s="181"/>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t="str">
        <f t="shared" si="0"/>
        <v/>
      </c>
      <c r="AN40" s="633"/>
      <c r="AO40" s="634"/>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f t="shared" si="2"/>
        <v>16</v>
      </c>
      <c r="BX40" s="633"/>
      <c r="BY40" s="634" t="str">
        <f>IF('各会計、関係団体の財政状況及び健全化判断比率'!B74="","",'各会計、関係団体の財政状況及び健全化判断比率'!B74)</f>
        <v>神奈川県後期高齢者医療広域連合（一般会計）</v>
      </c>
      <c r="BZ40" s="634"/>
      <c r="CA40" s="634"/>
      <c r="CB40" s="634"/>
      <c r="CC40" s="634"/>
      <c r="CD40" s="634"/>
      <c r="CE40" s="634"/>
      <c r="CF40" s="634"/>
      <c r="CG40" s="634"/>
      <c r="CH40" s="634"/>
      <c r="CI40" s="634"/>
      <c r="CJ40" s="634"/>
      <c r="CK40" s="634"/>
      <c r="CL40" s="634"/>
      <c r="CM40" s="634"/>
      <c r="CN40" s="181"/>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f t="shared" si="2"/>
        <v>17</v>
      </c>
      <c r="BX41" s="633"/>
      <c r="BY41" s="634" t="str">
        <f>IF('各会計、関係団体の財政状況及び健全化判断比率'!B75="","",'各会計、関係団体の財政状況及び健全化判断比率'!B75)</f>
        <v>神奈川県後期高齢者医療広域連合（特別会計）</v>
      </c>
      <c r="BZ41" s="634"/>
      <c r="CA41" s="634"/>
      <c r="CB41" s="634"/>
      <c r="CC41" s="634"/>
      <c r="CD41" s="634"/>
      <c r="CE41" s="634"/>
      <c r="CF41" s="634"/>
      <c r="CG41" s="634"/>
      <c r="CH41" s="634"/>
      <c r="CI41" s="634"/>
      <c r="CJ41" s="634"/>
      <c r="CK41" s="634"/>
      <c r="CL41" s="634"/>
      <c r="CM41" s="634"/>
      <c r="CN41" s="181"/>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f t="shared" si="2"/>
        <v>18</v>
      </c>
      <c r="BX42" s="633"/>
      <c r="BY42" s="634" t="str">
        <f>IF('各会計、関係団体の財政状況及び健全化判断比率'!B76="","",'各会計、関係団体の財政状況及び健全化判断比率'!B76)</f>
        <v>神奈川県町村情報システム共同事業組合</v>
      </c>
      <c r="BZ42" s="634"/>
      <c r="CA42" s="634"/>
      <c r="CB42" s="634"/>
      <c r="CC42" s="634"/>
      <c r="CD42" s="634"/>
      <c r="CE42" s="634"/>
      <c r="CF42" s="634"/>
      <c r="CG42" s="634"/>
      <c r="CH42" s="634"/>
      <c r="CI42" s="634"/>
      <c r="CJ42" s="634"/>
      <c r="CK42" s="634"/>
      <c r="CL42" s="634"/>
      <c r="CM42" s="634"/>
      <c r="CN42" s="181"/>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4</v>
      </c>
      <c r="E46" s="636" t="s">
        <v>205</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06</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07</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08</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09</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0</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1</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2</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M5hQmEbXO2UKFhEqmHbQlmz4TIQsfVykL/N2sL+IrA1Fq2Py0v6x269IktXIArfGrXPTkF7UlztJCjbPxoWWkw==" saltValue="mAAIFcF/z2OL5nRAXfN0WQ=="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187" t="s">
        <v>556</v>
      </c>
      <c r="D34" s="1187"/>
      <c r="E34" s="1188"/>
      <c r="F34" s="32">
        <v>14.51</v>
      </c>
      <c r="G34" s="33">
        <v>15.24</v>
      </c>
      <c r="H34" s="33">
        <v>15.24</v>
      </c>
      <c r="I34" s="33">
        <v>14.59</v>
      </c>
      <c r="J34" s="34">
        <v>15.72</v>
      </c>
      <c r="K34" s="22"/>
      <c r="L34" s="22"/>
      <c r="M34" s="22"/>
      <c r="N34" s="22"/>
      <c r="O34" s="22"/>
      <c r="P34" s="22"/>
    </row>
    <row r="35" spans="1:16" ht="39" customHeight="1" x14ac:dyDescent="0.2">
      <c r="A35" s="22"/>
      <c r="B35" s="35"/>
      <c r="C35" s="1181" t="s">
        <v>557</v>
      </c>
      <c r="D35" s="1182"/>
      <c r="E35" s="1183"/>
      <c r="F35" s="36">
        <v>5.1100000000000003</v>
      </c>
      <c r="G35" s="37">
        <v>7.19</v>
      </c>
      <c r="H35" s="37">
        <v>12.28</v>
      </c>
      <c r="I35" s="37">
        <v>15.43</v>
      </c>
      <c r="J35" s="38">
        <v>11.98</v>
      </c>
      <c r="K35" s="22"/>
      <c r="L35" s="22"/>
      <c r="M35" s="22"/>
      <c r="N35" s="22"/>
      <c r="O35" s="22"/>
      <c r="P35" s="22"/>
    </row>
    <row r="36" spans="1:16" ht="39" customHeight="1" x14ac:dyDescent="0.2">
      <c r="A36" s="22"/>
      <c r="B36" s="35"/>
      <c r="C36" s="1181" t="s">
        <v>558</v>
      </c>
      <c r="D36" s="1182"/>
      <c r="E36" s="1183"/>
      <c r="F36" s="36">
        <v>3.08</v>
      </c>
      <c r="G36" s="37">
        <v>2.86</v>
      </c>
      <c r="H36" s="37">
        <v>2.2200000000000002</v>
      </c>
      <c r="I36" s="37">
        <v>1.57</v>
      </c>
      <c r="J36" s="38">
        <v>2.65</v>
      </c>
      <c r="K36" s="22"/>
      <c r="L36" s="22"/>
      <c r="M36" s="22"/>
      <c r="N36" s="22"/>
      <c r="O36" s="22"/>
      <c r="P36" s="22"/>
    </row>
    <row r="37" spans="1:16" ht="39" customHeight="1" x14ac:dyDescent="0.2">
      <c r="A37" s="22"/>
      <c r="B37" s="35"/>
      <c r="C37" s="1181" t="s">
        <v>559</v>
      </c>
      <c r="D37" s="1182"/>
      <c r="E37" s="1183"/>
      <c r="F37" s="36">
        <v>1.34</v>
      </c>
      <c r="G37" s="37">
        <v>2.82</v>
      </c>
      <c r="H37" s="37">
        <v>2.56</v>
      </c>
      <c r="I37" s="37">
        <v>1.82</v>
      </c>
      <c r="J37" s="38">
        <v>1.38</v>
      </c>
      <c r="K37" s="22"/>
      <c r="L37" s="22"/>
      <c r="M37" s="22"/>
      <c r="N37" s="22"/>
      <c r="O37" s="22"/>
      <c r="P37" s="22"/>
    </row>
    <row r="38" spans="1:16" ht="39" customHeight="1" x14ac:dyDescent="0.2">
      <c r="A38" s="22"/>
      <c r="B38" s="35"/>
      <c r="C38" s="1181" t="s">
        <v>560</v>
      </c>
      <c r="D38" s="1182"/>
      <c r="E38" s="1183"/>
      <c r="F38" s="36">
        <v>0.4</v>
      </c>
      <c r="G38" s="37">
        <v>0.15</v>
      </c>
      <c r="H38" s="37">
        <v>0.15</v>
      </c>
      <c r="I38" s="37">
        <v>0.16</v>
      </c>
      <c r="J38" s="38">
        <v>0.38</v>
      </c>
      <c r="K38" s="22"/>
      <c r="L38" s="22"/>
      <c r="M38" s="22"/>
      <c r="N38" s="22"/>
      <c r="O38" s="22"/>
      <c r="P38" s="22"/>
    </row>
    <row r="39" spans="1:16" ht="39" customHeight="1" x14ac:dyDescent="0.2">
      <c r="A39" s="22"/>
      <c r="B39" s="35"/>
      <c r="C39" s="1181" t="s">
        <v>561</v>
      </c>
      <c r="D39" s="1182"/>
      <c r="E39" s="1183"/>
      <c r="F39" s="36">
        <v>0.51</v>
      </c>
      <c r="G39" s="37">
        <v>0.97</v>
      </c>
      <c r="H39" s="37">
        <v>0.49</v>
      </c>
      <c r="I39" s="37">
        <v>0.57999999999999996</v>
      </c>
      <c r="J39" s="38">
        <v>0.25</v>
      </c>
      <c r="K39" s="22"/>
      <c r="L39" s="22"/>
      <c r="M39" s="22"/>
      <c r="N39" s="22"/>
      <c r="O39" s="22"/>
      <c r="P39" s="22"/>
    </row>
    <row r="40" spans="1:16" ht="39" customHeight="1" x14ac:dyDescent="0.2">
      <c r="A40" s="22"/>
      <c r="B40" s="35"/>
      <c r="C40" s="1181" t="s">
        <v>562</v>
      </c>
      <c r="D40" s="1182"/>
      <c r="E40" s="1183"/>
      <c r="F40" s="36">
        <v>0.45</v>
      </c>
      <c r="G40" s="37">
        <v>0.56000000000000005</v>
      </c>
      <c r="H40" s="37">
        <v>0.56999999999999995</v>
      </c>
      <c r="I40" s="37">
        <v>0.38</v>
      </c>
      <c r="J40" s="38">
        <v>0.17</v>
      </c>
      <c r="K40" s="22"/>
      <c r="L40" s="22"/>
      <c r="M40" s="22"/>
      <c r="N40" s="22"/>
      <c r="O40" s="22"/>
      <c r="P40" s="22"/>
    </row>
    <row r="41" spans="1:16" ht="39" customHeight="1" x14ac:dyDescent="0.2">
      <c r="A41" s="22"/>
      <c r="B41" s="35"/>
      <c r="C41" s="1181" t="s">
        <v>563</v>
      </c>
      <c r="D41" s="1182"/>
      <c r="E41" s="1183"/>
      <c r="F41" s="36">
        <v>0.16</v>
      </c>
      <c r="G41" s="37">
        <v>0.11</v>
      </c>
      <c r="H41" s="37">
        <v>0.26</v>
      </c>
      <c r="I41" s="37">
        <v>0.15</v>
      </c>
      <c r="J41" s="38">
        <v>0.06</v>
      </c>
      <c r="K41" s="22"/>
      <c r="L41" s="22"/>
      <c r="M41" s="22"/>
      <c r="N41" s="22"/>
      <c r="O41" s="22"/>
      <c r="P41" s="22"/>
    </row>
    <row r="42" spans="1:16" ht="39" customHeight="1" x14ac:dyDescent="0.2">
      <c r="A42" s="22"/>
      <c r="B42" s="39"/>
      <c r="C42" s="1181" t="s">
        <v>564</v>
      </c>
      <c r="D42" s="1182"/>
      <c r="E42" s="1183"/>
      <c r="F42" s="36" t="s">
        <v>507</v>
      </c>
      <c r="G42" s="37" t="s">
        <v>507</v>
      </c>
      <c r="H42" s="37" t="s">
        <v>507</v>
      </c>
      <c r="I42" s="37" t="s">
        <v>507</v>
      </c>
      <c r="J42" s="38" t="s">
        <v>507</v>
      </c>
      <c r="K42" s="22"/>
      <c r="L42" s="22"/>
      <c r="M42" s="22"/>
      <c r="N42" s="22"/>
      <c r="O42" s="22"/>
      <c r="P42" s="22"/>
    </row>
    <row r="43" spans="1:16" ht="39" customHeight="1" thickBot="1" x14ac:dyDescent="0.25">
      <c r="A43" s="22"/>
      <c r="B43" s="40"/>
      <c r="C43" s="1184" t="s">
        <v>565</v>
      </c>
      <c r="D43" s="1185"/>
      <c r="E43" s="1186"/>
      <c r="F43" s="41">
        <v>0</v>
      </c>
      <c r="G43" s="42">
        <v>0</v>
      </c>
      <c r="H43" s="42">
        <v>0</v>
      </c>
      <c r="I43" s="42">
        <v>0</v>
      </c>
      <c r="J43" s="43">
        <v>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Azg3jw3C32xrO9F+9Bd/WA2mxMwL1TKrca/f0MmH8d5tD7I59E/+Ii/E7JJN9XGDu5W0bEq3Cvnb3Uyj2Lp9OA==" saltValue="8xbu/x4jAkj3Crp0+1W23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189" t="s">
        <v>10</v>
      </c>
      <c r="C45" s="1190"/>
      <c r="D45" s="58"/>
      <c r="E45" s="1195" t="s">
        <v>11</v>
      </c>
      <c r="F45" s="1195"/>
      <c r="G45" s="1195"/>
      <c r="H45" s="1195"/>
      <c r="I45" s="1195"/>
      <c r="J45" s="1196"/>
      <c r="K45" s="59">
        <v>368</v>
      </c>
      <c r="L45" s="60">
        <v>350</v>
      </c>
      <c r="M45" s="60">
        <v>388</v>
      </c>
      <c r="N45" s="60">
        <v>399</v>
      </c>
      <c r="O45" s="61">
        <v>429</v>
      </c>
      <c r="P45" s="48"/>
      <c r="Q45" s="48"/>
      <c r="R45" s="48"/>
      <c r="S45" s="48"/>
      <c r="T45" s="48"/>
      <c r="U45" s="48"/>
    </row>
    <row r="46" spans="1:21" ht="30.75" customHeight="1" x14ac:dyDescent="0.2">
      <c r="A46" s="48"/>
      <c r="B46" s="1191"/>
      <c r="C46" s="1192"/>
      <c r="D46" s="62"/>
      <c r="E46" s="1197" t="s">
        <v>12</v>
      </c>
      <c r="F46" s="1197"/>
      <c r="G46" s="1197"/>
      <c r="H46" s="1197"/>
      <c r="I46" s="1197"/>
      <c r="J46" s="1198"/>
      <c r="K46" s="63" t="s">
        <v>507</v>
      </c>
      <c r="L46" s="64" t="s">
        <v>507</v>
      </c>
      <c r="M46" s="64" t="s">
        <v>507</v>
      </c>
      <c r="N46" s="64" t="s">
        <v>507</v>
      </c>
      <c r="O46" s="65" t="s">
        <v>507</v>
      </c>
      <c r="P46" s="48"/>
      <c r="Q46" s="48"/>
      <c r="R46" s="48"/>
      <c r="S46" s="48"/>
      <c r="T46" s="48"/>
      <c r="U46" s="48"/>
    </row>
    <row r="47" spans="1:21" ht="30.75" customHeight="1" x14ac:dyDescent="0.2">
      <c r="A47" s="48"/>
      <c r="B47" s="1191"/>
      <c r="C47" s="1192"/>
      <c r="D47" s="62"/>
      <c r="E47" s="1197" t="s">
        <v>13</v>
      </c>
      <c r="F47" s="1197"/>
      <c r="G47" s="1197"/>
      <c r="H47" s="1197"/>
      <c r="I47" s="1197"/>
      <c r="J47" s="1198"/>
      <c r="K47" s="63" t="s">
        <v>507</v>
      </c>
      <c r="L47" s="64" t="s">
        <v>507</v>
      </c>
      <c r="M47" s="64" t="s">
        <v>507</v>
      </c>
      <c r="N47" s="64" t="s">
        <v>507</v>
      </c>
      <c r="O47" s="65" t="s">
        <v>507</v>
      </c>
      <c r="P47" s="48"/>
      <c r="Q47" s="48"/>
      <c r="R47" s="48"/>
      <c r="S47" s="48"/>
      <c r="T47" s="48"/>
      <c r="U47" s="48"/>
    </row>
    <row r="48" spans="1:21" ht="30.75" customHeight="1" x14ac:dyDescent="0.2">
      <c r="A48" s="48"/>
      <c r="B48" s="1191"/>
      <c r="C48" s="1192"/>
      <c r="D48" s="62"/>
      <c r="E48" s="1197" t="s">
        <v>14</v>
      </c>
      <c r="F48" s="1197"/>
      <c r="G48" s="1197"/>
      <c r="H48" s="1197"/>
      <c r="I48" s="1197"/>
      <c r="J48" s="1198"/>
      <c r="K48" s="63">
        <v>120</v>
      </c>
      <c r="L48" s="64">
        <v>111</v>
      </c>
      <c r="M48" s="64">
        <v>98</v>
      </c>
      <c r="N48" s="64">
        <v>94</v>
      </c>
      <c r="O48" s="65">
        <v>92</v>
      </c>
      <c r="P48" s="48"/>
      <c r="Q48" s="48"/>
      <c r="R48" s="48"/>
      <c r="S48" s="48"/>
      <c r="T48" s="48"/>
      <c r="U48" s="48"/>
    </row>
    <row r="49" spans="1:21" ht="30.75" customHeight="1" x14ac:dyDescent="0.2">
      <c r="A49" s="48"/>
      <c r="B49" s="1191"/>
      <c r="C49" s="1192"/>
      <c r="D49" s="62"/>
      <c r="E49" s="1197" t="s">
        <v>15</v>
      </c>
      <c r="F49" s="1197"/>
      <c r="G49" s="1197"/>
      <c r="H49" s="1197"/>
      <c r="I49" s="1197"/>
      <c r="J49" s="1198"/>
      <c r="K49" s="63" t="s">
        <v>507</v>
      </c>
      <c r="L49" s="64" t="s">
        <v>507</v>
      </c>
      <c r="M49" s="64" t="s">
        <v>507</v>
      </c>
      <c r="N49" s="64" t="s">
        <v>507</v>
      </c>
      <c r="O49" s="65" t="s">
        <v>507</v>
      </c>
      <c r="P49" s="48"/>
      <c r="Q49" s="48"/>
      <c r="R49" s="48"/>
      <c r="S49" s="48"/>
      <c r="T49" s="48"/>
      <c r="U49" s="48"/>
    </row>
    <row r="50" spans="1:21" ht="30.75" customHeight="1" x14ac:dyDescent="0.2">
      <c r="A50" s="48"/>
      <c r="B50" s="1191"/>
      <c r="C50" s="1192"/>
      <c r="D50" s="62"/>
      <c r="E50" s="1197" t="s">
        <v>16</v>
      </c>
      <c r="F50" s="1197"/>
      <c r="G50" s="1197"/>
      <c r="H50" s="1197"/>
      <c r="I50" s="1197"/>
      <c r="J50" s="1198"/>
      <c r="K50" s="63">
        <v>1</v>
      </c>
      <c r="L50" s="64">
        <v>4</v>
      </c>
      <c r="M50" s="64">
        <v>4</v>
      </c>
      <c r="N50" s="64">
        <v>4</v>
      </c>
      <c r="O50" s="65">
        <v>5</v>
      </c>
      <c r="P50" s="48"/>
      <c r="Q50" s="48"/>
      <c r="R50" s="48"/>
      <c r="S50" s="48"/>
      <c r="T50" s="48"/>
      <c r="U50" s="48"/>
    </row>
    <row r="51" spans="1:21" ht="30.75" customHeight="1" x14ac:dyDescent="0.2">
      <c r="A51" s="48"/>
      <c r="B51" s="1193"/>
      <c r="C51" s="1194"/>
      <c r="D51" s="66"/>
      <c r="E51" s="1197" t="s">
        <v>17</v>
      </c>
      <c r="F51" s="1197"/>
      <c r="G51" s="1197"/>
      <c r="H51" s="1197"/>
      <c r="I51" s="1197"/>
      <c r="J51" s="1198"/>
      <c r="K51" s="63" t="s">
        <v>507</v>
      </c>
      <c r="L51" s="64" t="s">
        <v>507</v>
      </c>
      <c r="M51" s="64" t="s">
        <v>507</v>
      </c>
      <c r="N51" s="64" t="s">
        <v>507</v>
      </c>
      <c r="O51" s="65" t="s">
        <v>507</v>
      </c>
      <c r="P51" s="48"/>
      <c r="Q51" s="48"/>
      <c r="R51" s="48"/>
      <c r="S51" s="48"/>
      <c r="T51" s="48"/>
      <c r="U51" s="48"/>
    </row>
    <row r="52" spans="1:21" ht="30.75" customHeight="1" x14ac:dyDescent="0.2">
      <c r="A52" s="48"/>
      <c r="B52" s="1199" t="s">
        <v>18</v>
      </c>
      <c r="C52" s="1200"/>
      <c r="D52" s="66"/>
      <c r="E52" s="1197" t="s">
        <v>19</v>
      </c>
      <c r="F52" s="1197"/>
      <c r="G52" s="1197"/>
      <c r="H52" s="1197"/>
      <c r="I52" s="1197"/>
      <c r="J52" s="1198"/>
      <c r="K52" s="63">
        <v>355</v>
      </c>
      <c r="L52" s="64">
        <v>331</v>
      </c>
      <c r="M52" s="64">
        <v>329</v>
      </c>
      <c r="N52" s="64">
        <v>327</v>
      </c>
      <c r="O52" s="65">
        <v>335</v>
      </c>
      <c r="P52" s="48"/>
      <c r="Q52" s="48"/>
      <c r="R52" s="48"/>
      <c r="S52" s="48"/>
      <c r="T52" s="48"/>
      <c r="U52" s="48"/>
    </row>
    <row r="53" spans="1:21" ht="30.75" customHeight="1" thickBot="1" x14ac:dyDescent="0.25">
      <c r="A53" s="48"/>
      <c r="B53" s="1201" t="s">
        <v>20</v>
      </c>
      <c r="C53" s="1202"/>
      <c r="D53" s="67"/>
      <c r="E53" s="1203" t="s">
        <v>21</v>
      </c>
      <c r="F53" s="1203"/>
      <c r="G53" s="1203"/>
      <c r="H53" s="1203"/>
      <c r="I53" s="1203"/>
      <c r="J53" s="1204"/>
      <c r="K53" s="68">
        <v>134</v>
      </c>
      <c r="L53" s="69">
        <v>134</v>
      </c>
      <c r="M53" s="69">
        <v>161</v>
      </c>
      <c r="N53" s="69">
        <v>170</v>
      </c>
      <c r="O53" s="70">
        <v>191</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566</v>
      </c>
      <c r="P56" s="48"/>
      <c r="Q56" s="48"/>
      <c r="R56" s="48"/>
      <c r="S56" s="48"/>
      <c r="T56" s="48"/>
      <c r="U56" s="48"/>
    </row>
    <row r="57" spans="1:21" ht="31.5" customHeight="1" thickBot="1" x14ac:dyDescent="0.3">
      <c r="A57" s="48"/>
      <c r="B57" s="76"/>
      <c r="C57" s="77"/>
      <c r="D57" s="77"/>
      <c r="E57" s="78"/>
      <c r="F57" s="78"/>
      <c r="G57" s="78"/>
      <c r="H57" s="78"/>
      <c r="I57" s="78"/>
      <c r="J57" s="79" t="s">
        <v>2</v>
      </c>
      <c r="K57" s="80" t="s">
        <v>567</v>
      </c>
      <c r="L57" s="81" t="s">
        <v>568</v>
      </c>
      <c r="M57" s="81" t="s">
        <v>569</v>
      </c>
      <c r="N57" s="81" t="s">
        <v>570</v>
      </c>
      <c r="O57" s="82" t="s">
        <v>571</v>
      </c>
      <c r="P57" s="48"/>
      <c r="Q57" s="48"/>
      <c r="R57" s="48"/>
      <c r="S57" s="48"/>
      <c r="T57" s="48"/>
      <c r="U57" s="48"/>
    </row>
    <row r="58" spans="1:21" ht="31.5" customHeight="1" x14ac:dyDescent="0.2">
      <c r="B58" s="1205" t="s">
        <v>25</v>
      </c>
      <c r="C58" s="1206"/>
      <c r="D58" s="1211" t="s">
        <v>26</v>
      </c>
      <c r="E58" s="1212"/>
      <c r="F58" s="1212"/>
      <c r="G58" s="1212"/>
      <c r="H58" s="1212"/>
      <c r="I58" s="1212"/>
      <c r="J58" s="1213"/>
      <c r="K58" s="83"/>
      <c r="L58" s="84"/>
      <c r="M58" s="84"/>
      <c r="N58" s="84"/>
      <c r="O58" s="85"/>
    </row>
    <row r="59" spans="1:21" ht="31.5" customHeight="1" x14ac:dyDescent="0.2">
      <c r="B59" s="1207"/>
      <c r="C59" s="1208"/>
      <c r="D59" s="1214" t="s">
        <v>27</v>
      </c>
      <c r="E59" s="1215"/>
      <c r="F59" s="1215"/>
      <c r="G59" s="1215"/>
      <c r="H59" s="1215"/>
      <c r="I59" s="1215"/>
      <c r="J59" s="1216"/>
      <c r="K59" s="86"/>
      <c r="L59" s="87"/>
      <c r="M59" s="87"/>
      <c r="N59" s="87"/>
      <c r="O59" s="88"/>
    </row>
    <row r="60" spans="1:21" ht="31.5" customHeight="1" thickBot="1" x14ac:dyDescent="0.25">
      <c r="B60" s="1209"/>
      <c r="C60" s="1210"/>
      <c r="D60" s="1217" t="s">
        <v>28</v>
      </c>
      <c r="E60" s="1218"/>
      <c r="F60" s="1218"/>
      <c r="G60" s="1218"/>
      <c r="H60" s="1218"/>
      <c r="I60" s="1218"/>
      <c r="J60" s="1219"/>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FpcXzdy8Uk16YGBOHWJJ3A+qCoj8hl28nMIdHysX59am7Xuy4K+yoNCEs/lzjsI7YvSRWAAB+lvIacmc5pc7kw==" saltValue="fN2rcvWA2K14rFNRTu9YZQ=="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49</v>
      </c>
      <c r="J40" s="103" t="s">
        <v>550</v>
      </c>
      <c r="K40" s="103" t="s">
        <v>551</v>
      </c>
      <c r="L40" s="103" t="s">
        <v>552</v>
      </c>
      <c r="M40" s="104" t="s">
        <v>553</v>
      </c>
    </row>
    <row r="41" spans="2:13" ht="27.75" customHeight="1" x14ac:dyDescent="0.2">
      <c r="B41" s="1220" t="s">
        <v>31</v>
      </c>
      <c r="C41" s="1221"/>
      <c r="D41" s="105"/>
      <c r="E41" s="1226" t="s">
        <v>32</v>
      </c>
      <c r="F41" s="1226"/>
      <c r="G41" s="1226"/>
      <c r="H41" s="1227"/>
      <c r="I41" s="355">
        <v>4285</v>
      </c>
      <c r="J41" s="356">
        <v>4456</v>
      </c>
      <c r="K41" s="356">
        <v>4790</v>
      </c>
      <c r="L41" s="356">
        <v>5631</v>
      </c>
      <c r="M41" s="357">
        <v>5604</v>
      </c>
    </row>
    <row r="42" spans="2:13" ht="27.75" customHeight="1" x14ac:dyDescent="0.2">
      <c r="B42" s="1222"/>
      <c r="C42" s="1223"/>
      <c r="D42" s="106"/>
      <c r="E42" s="1228" t="s">
        <v>33</v>
      </c>
      <c r="F42" s="1228"/>
      <c r="G42" s="1228"/>
      <c r="H42" s="1229"/>
      <c r="I42" s="358">
        <v>144</v>
      </c>
      <c r="J42" s="359">
        <v>139</v>
      </c>
      <c r="K42" s="359">
        <v>135</v>
      </c>
      <c r="L42" s="359">
        <v>131</v>
      </c>
      <c r="M42" s="360">
        <v>126</v>
      </c>
    </row>
    <row r="43" spans="2:13" ht="27.75" customHeight="1" x14ac:dyDescent="0.2">
      <c r="B43" s="1222"/>
      <c r="C43" s="1223"/>
      <c r="D43" s="106"/>
      <c r="E43" s="1228" t="s">
        <v>34</v>
      </c>
      <c r="F43" s="1228"/>
      <c r="G43" s="1228"/>
      <c r="H43" s="1229"/>
      <c r="I43" s="358">
        <v>1002</v>
      </c>
      <c r="J43" s="359">
        <v>889</v>
      </c>
      <c r="K43" s="359">
        <v>916</v>
      </c>
      <c r="L43" s="359">
        <v>859</v>
      </c>
      <c r="M43" s="360">
        <v>785</v>
      </c>
    </row>
    <row r="44" spans="2:13" ht="27.75" customHeight="1" x14ac:dyDescent="0.2">
      <c r="B44" s="1222"/>
      <c r="C44" s="1223"/>
      <c r="D44" s="106"/>
      <c r="E44" s="1228" t="s">
        <v>35</v>
      </c>
      <c r="F44" s="1228"/>
      <c r="G44" s="1228"/>
      <c r="H44" s="1229"/>
      <c r="I44" s="358" t="s">
        <v>507</v>
      </c>
      <c r="J44" s="359" t="s">
        <v>507</v>
      </c>
      <c r="K44" s="359" t="s">
        <v>507</v>
      </c>
      <c r="L44" s="359" t="s">
        <v>507</v>
      </c>
      <c r="M44" s="360" t="s">
        <v>507</v>
      </c>
    </row>
    <row r="45" spans="2:13" ht="27.75" customHeight="1" x14ac:dyDescent="0.2">
      <c r="B45" s="1222"/>
      <c r="C45" s="1223"/>
      <c r="D45" s="106"/>
      <c r="E45" s="1228" t="s">
        <v>36</v>
      </c>
      <c r="F45" s="1228"/>
      <c r="G45" s="1228"/>
      <c r="H45" s="1229"/>
      <c r="I45" s="358">
        <v>1012</v>
      </c>
      <c r="J45" s="359">
        <v>1064</v>
      </c>
      <c r="K45" s="359">
        <v>974</v>
      </c>
      <c r="L45" s="359">
        <v>893</v>
      </c>
      <c r="M45" s="360">
        <v>856</v>
      </c>
    </row>
    <row r="46" spans="2:13" ht="27.75" customHeight="1" x14ac:dyDescent="0.2">
      <c r="B46" s="1222"/>
      <c r="C46" s="1223"/>
      <c r="D46" s="107"/>
      <c r="E46" s="1228" t="s">
        <v>37</v>
      </c>
      <c r="F46" s="1228"/>
      <c r="G46" s="1228"/>
      <c r="H46" s="1229"/>
      <c r="I46" s="358" t="s">
        <v>507</v>
      </c>
      <c r="J46" s="359" t="s">
        <v>507</v>
      </c>
      <c r="K46" s="359" t="s">
        <v>507</v>
      </c>
      <c r="L46" s="359" t="s">
        <v>507</v>
      </c>
      <c r="M46" s="360" t="s">
        <v>507</v>
      </c>
    </row>
    <row r="47" spans="2:13" ht="27.75" customHeight="1" x14ac:dyDescent="0.2">
      <c r="B47" s="1222"/>
      <c r="C47" s="1223"/>
      <c r="D47" s="108"/>
      <c r="E47" s="1230" t="s">
        <v>38</v>
      </c>
      <c r="F47" s="1231"/>
      <c r="G47" s="1231"/>
      <c r="H47" s="1232"/>
      <c r="I47" s="358" t="s">
        <v>507</v>
      </c>
      <c r="J47" s="359" t="s">
        <v>507</v>
      </c>
      <c r="K47" s="359" t="s">
        <v>507</v>
      </c>
      <c r="L47" s="359" t="s">
        <v>507</v>
      </c>
      <c r="M47" s="360" t="s">
        <v>507</v>
      </c>
    </row>
    <row r="48" spans="2:13" ht="27.75" customHeight="1" x14ac:dyDescent="0.2">
      <c r="B48" s="1222"/>
      <c r="C48" s="1223"/>
      <c r="D48" s="106"/>
      <c r="E48" s="1228" t="s">
        <v>39</v>
      </c>
      <c r="F48" s="1228"/>
      <c r="G48" s="1228"/>
      <c r="H48" s="1229"/>
      <c r="I48" s="358" t="s">
        <v>507</v>
      </c>
      <c r="J48" s="359" t="s">
        <v>507</v>
      </c>
      <c r="K48" s="359" t="s">
        <v>507</v>
      </c>
      <c r="L48" s="359" t="s">
        <v>507</v>
      </c>
      <c r="M48" s="360" t="s">
        <v>507</v>
      </c>
    </row>
    <row r="49" spans="2:13" ht="27.75" customHeight="1" x14ac:dyDescent="0.2">
      <c r="B49" s="1224"/>
      <c r="C49" s="1225"/>
      <c r="D49" s="106"/>
      <c r="E49" s="1228" t="s">
        <v>40</v>
      </c>
      <c r="F49" s="1228"/>
      <c r="G49" s="1228"/>
      <c r="H49" s="1229"/>
      <c r="I49" s="358" t="s">
        <v>507</v>
      </c>
      <c r="J49" s="359" t="s">
        <v>507</v>
      </c>
      <c r="K49" s="359" t="s">
        <v>507</v>
      </c>
      <c r="L49" s="359" t="s">
        <v>507</v>
      </c>
      <c r="M49" s="360" t="s">
        <v>507</v>
      </c>
    </row>
    <row r="50" spans="2:13" ht="27.75" customHeight="1" x14ac:dyDescent="0.2">
      <c r="B50" s="1233" t="s">
        <v>41</v>
      </c>
      <c r="C50" s="1234"/>
      <c r="D50" s="109"/>
      <c r="E50" s="1228" t="s">
        <v>42</v>
      </c>
      <c r="F50" s="1228"/>
      <c r="G50" s="1228"/>
      <c r="H50" s="1229"/>
      <c r="I50" s="358">
        <v>993</v>
      </c>
      <c r="J50" s="359">
        <v>1044</v>
      </c>
      <c r="K50" s="359">
        <v>1518</v>
      </c>
      <c r="L50" s="359">
        <v>2140</v>
      </c>
      <c r="M50" s="360">
        <v>2561</v>
      </c>
    </row>
    <row r="51" spans="2:13" ht="27.75" customHeight="1" x14ac:dyDescent="0.2">
      <c r="B51" s="1222"/>
      <c r="C51" s="1223"/>
      <c r="D51" s="106"/>
      <c r="E51" s="1228" t="s">
        <v>43</v>
      </c>
      <c r="F51" s="1228"/>
      <c r="G51" s="1228"/>
      <c r="H51" s="1229"/>
      <c r="I51" s="358" t="s">
        <v>507</v>
      </c>
      <c r="J51" s="359" t="s">
        <v>507</v>
      </c>
      <c r="K51" s="359" t="s">
        <v>507</v>
      </c>
      <c r="L51" s="359" t="s">
        <v>507</v>
      </c>
      <c r="M51" s="360" t="s">
        <v>507</v>
      </c>
    </row>
    <row r="52" spans="2:13" ht="27.75" customHeight="1" x14ac:dyDescent="0.2">
      <c r="B52" s="1224"/>
      <c r="C52" s="1225"/>
      <c r="D52" s="106"/>
      <c r="E52" s="1228" t="s">
        <v>44</v>
      </c>
      <c r="F52" s="1228"/>
      <c r="G52" s="1228"/>
      <c r="H52" s="1229"/>
      <c r="I52" s="358">
        <v>3873</v>
      </c>
      <c r="J52" s="359">
        <v>3848</v>
      </c>
      <c r="K52" s="359">
        <v>3968</v>
      </c>
      <c r="L52" s="359">
        <v>4373</v>
      </c>
      <c r="M52" s="360">
        <v>4341</v>
      </c>
    </row>
    <row r="53" spans="2:13" ht="27.75" customHeight="1" thickBot="1" x14ac:dyDescent="0.25">
      <c r="B53" s="1235" t="s">
        <v>45</v>
      </c>
      <c r="C53" s="1236"/>
      <c r="D53" s="110"/>
      <c r="E53" s="1237" t="s">
        <v>46</v>
      </c>
      <c r="F53" s="1237"/>
      <c r="G53" s="1237"/>
      <c r="H53" s="1238"/>
      <c r="I53" s="361">
        <v>1577</v>
      </c>
      <c r="J53" s="362">
        <v>1656</v>
      </c>
      <c r="K53" s="362">
        <v>1329</v>
      </c>
      <c r="L53" s="362">
        <v>1001</v>
      </c>
      <c r="M53" s="363">
        <v>469</v>
      </c>
    </row>
    <row r="54" spans="2:13" ht="27.75" customHeight="1" x14ac:dyDescent="0.25">
      <c r="B54" s="111" t="s">
        <v>47</v>
      </c>
      <c r="C54" s="112"/>
      <c r="D54" s="112"/>
      <c r="E54" s="113"/>
      <c r="F54" s="113"/>
      <c r="G54" s="113"/>
      <c r="H54" s="113"/>
      <c r="I54" s="114"/>
      <c r="J54" s="114"/>
      <c r="K54" s="114"/>
      <c r="L54" s="114"/>
      <c r="M54" s="114"/>
    </row>
    <row r="55" spans="2:13" ht="13" x14ac:dyDescent="0.2"/>
  </sheetData>
  <sheetProtection algorithmName="SHA-512" hashValue="4Ps9dk7A2RvGCrUNA9jPEH9ixNn2/PQ01MmaRvMfI/loJt9HpyBhZLJke9Zk06NQQk9Zgg8rJaut7QVsRZPfiw==" saltValue="PG77q2J2VLmbpDhKnq+7O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1796875" style="1" customWidth="1"/>
    <col min="2" max="2" width="16.36328125" style="1" customWidth="1"/>
    <col min="3" max="5" width="26.1796875" style="1" customWidth="1"/>
    <col min="6" max="8" width="24.179687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8</v>
      </c>
    </row>
    <row r="54" spans="2:8" ht="29.25" customHeight="1" thickBot="1" x14ac:dyDescent="0.35">
      <c r="B54" s="116" t="s">
        <v>1</v>
      </c>
      <c r="C54" s="117"/>
      <c r="D54" s="117"/>
      <c r="E54" s="118" t="s">
        <v>2</v>
      </c>
      <c r="F54" s="119" t="s">
        <v>551</v>
      </c>
      <c r="G54" s="119" t="s">
        <v>552</v>
      </c>
      <c r="H54" s="120" t="s">
        <v>553</v>
      </c>
    </row>
    <row r="55" spans="2:8" ht="52.5" customHeight="1" x14ac:dyDescent="0.2">
      <c r="B55" s="121"/>
      <c r="C55" s="1247" t="s">
        <v>49</v>
      </c>
      <c r="D55" s="1247"/>
      <c r="E55" s="1248"/>
      <c r="F55" s="122">
        <v>741</v>
      </c>
      <c r="G55" s="122">
        <v>1196</v>
      </c>
      <c r="H55" s="123">
        <v>1496</v>
      </c>
    </row>
    <row r="56" spans="2:8" ht="52.5" customHeight="1" x14ac:dyDescent="0.2">
      <c r="B56" s="124"/>
      <c r="C56" s="1249" t="s">
        <v>50</v>
      </c>
      <c r="D56" s="1249"/>
      <c r="E56" s="1250"/>
      <c r="F56" s="125">
        <v>1</v>
      </c>
      <c r="G56" s="125">
        <v>1</v>
      </c>
      <c r="H56" s="126">
        <v>1</v>
      </c>
    </row>
    <row r="57" spans="2:8" ht="53.25" customHeight="1" x14ac:dyDescent="0.2">
      <c r="B57" s="124"/>
      <c r="C57" s="1251" t="s">
        <v>51</v>
      </c>
      <c r="D57" s="1251"/>
      <c r="E57" s="1252"/>
      <c r="F57" s="127">
        <v>290</v>
      </c>
      <c r="G57" s="127">
        <v>397</v>
      </c>
      <c r="H57" s="128">
        <v>498</v>
      </c>
    </row>
    <row r="58" spans="2:8" ht="45.75" customHeight="1" x14ac:dyDescent="0.2">
      <c r="B58" s="129"/>
      <c r="C58" s="1239" t="s">
        <v>582</v>
      </c>
      <c r="D58" s="1240"/>
      <c r="E58" s="1241"/>
      <c r="F58" s="130">
        <v>60</v>
      </c>
      <c r="G58" s="130">
        <v>90</v>
      </c>
      <c r="H58" s="131">
        <v>180</v>
      </c>
    </row>
    <row r="59" spans="2:8" ht="45.75" customHeight="1" x14ac:dyDescent="0.2">
      <c r="B59" s="129"/>
      <c r="C59" s="1239" t="s">
        <v>583</v>
      </c>
      <c r="D59" s="1240"/>
      <c r="E59" s="1241"/>
      <c r="F59" s="130" t="s">
        <v>587</v>
      </c>
      <c r="G59" s="130" t="s">
        <v>587</v>
      </c>
      <c r="H59" s="131">
        <v>160</v>
      </c>
    </row>
    <row r="60" spans="2:8" ht="45.75" customHeight="1" x14ac:dyDescent="0.2">
      <c r="B60" s="129"/>
      <c r="C60" s="1239" t="s">
        <v>584</v>
      </c>
      <c r="D60" s="1240"/>
      <c r="E60" s="1241"/>
      <c r="F60" s="130">
        <v>191</v>
      </c>
      <c r="G60" s="130">
        <v>263</v>
      </c>
      <c r="H60" s="131">
        <v>104</v>
      </c>
    </row>
    <row r="61" spans="2:8" ht="45.75" customHeight="1" x14ac:dyDescent="0.2">
      <c r="B61" s="129"/>
      <c r="C61" s="1239" t="s">
        <v>585</v>
      </c>
      <c r="D61" s="1240"/>
      <c r="E61" s="1241"/>
      <c r="F61" s="130">
        <v>5</v>
      </c>
      <c r="G61" s="130">
        <v>10</v>
      </c>
      <c r="H61" s="131">
        <v>15</v>
      </c>
    </row>
    <row r="62" spans="2:8" ht="45.75" customHeight="1" thickBot="1" x14ac:dyDescent="0.25">
      <c r="B62" s="132"/>
      <c r="C62" s="1242" t="s">
        <v>586</v>
      </c>
      <c r="D62" s="1243"/>
      <c r="E62" s="1244"/>
      <c r="F62" s="133">
        <v>16</v>
      </c>
      <c r="G62" s="133">
        <v>14</v>
      </c>
      <c r="H62" s="134">
        <v>14</v>
      </c>
    </row>
    <row r="63" spans="2:8" ht="52.5" customHeight="1" thickBot="1" x14ac:dyDescent="0.25">
      <c r="B63" s="135"/>
      <c r="C63" s="1245" t="s">
        <v>52</v>
      </c>
      <c r="D63" s="1245"/>
      <c r="E63" s="1246"/>
      <c r="F63" s="136">
        <v>1032</v>
      </c>
      <c r="G63" s="136">
        <v>1594</v>
      </c>
      <c r="H63" s="137">
        <v>1994</v>
      </c>
    </row>
    <row r="64" spans="2:8" ht="13" x14ac:dyDescent="0.2"/>
  </sheetData>
  <sheetProtection algorithmName="SHA-512" hashValue="6z6QANtcmlWPXn45wqpXLLD2GhExAdHnSyyahzE6LcNl/6DVQR/Z6R7gFgrHlradHQbPSruBoNp41JJy+/jASA==" saltValue="VI2LMw/Hy3JJ9nTv2vEzT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88</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89</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53" t="s">
        <v>590</v>
      </c>
      <c r="AO43" s="1254"/>
      <c r="AP43" s="1254"/>
      <c r="AQ43" s="1254"/>
      <c r="AR43" s="1254"/>
      <c r="AS43" s="1254"/>
      <c r="AT43" s="1254"/>
      <c r="AU43" s="1254"/>
      <c r="AV43" s="1254"/>
      <c r="AW43" s="1254"/>
      <c r="AX43" s="1254"/>
      <c r="AY43" s="1254"/>
      <c r="AZ43" s="1254"/>
      <c r="BA43" s="1254"/>
      <c r="BB43" s="1254"/>
      <c r="BC43" s="1254"/>
      <c r="BD43" s="1254"/>
      <c r="BE43" s="1254"/>
      <c r="BF43" s="1254"/>
      <c r="BG43" s="1254"/>
      <c r="BH43" s="1254"/>
      <c r="BI43" s="1254"/>
      <c r="BJ43" s="1254"/>
      <c r="BK43" s="1254"/>
      <c r="BL43" s="1254"/>
      <c r="BM43" s="1254"/>
      <c r="BN43" s="1254"/>
      <c r="BO43" s="1254"/>
      <c r="BP43" s="1254"/>
      <c r="BQ43" s="1254"/>
      <c r="BR43" s="1254"/>
      <c r="BS43" s="1254"/>
      <c r="BT43" s="1254"/>
      <c r="BU43" s="1254"/>
      <c r="BV43" s="1254"/>
      <c r="BW43" s="1254"/>
      <c r="BX43" s="1254"/>
      <c r="BY43" s="1254"/>
      <c r="BZ43" s="1254"/>
      <c r="CA43" s="1254"/>
      <c r="CB43" s="1254"/>
      <c r="CC43" s="1254"/>
      <c r="CD43" s="1254"/>
      <c r="CE43" s="1254"/>
      <c r="CF43" s="1254"/>
      <c r="CG43" s="1254"/>
      <c r="CH43" s="1254"/>
      <c r="CI43" s="1254"/>
      <c r="CJ43" s="1254"/>
      <c r="CK43" s="1254"/>
      <c r="CL43" s="1254"/>
      <c r="CM43" s="1254"/>
      <c r="CN43" s="1254"/>
      <c r="CO43" s="1254"/>
      <c r="CP43" s="1254"/>
      <c r="CQ43" s="1254"/>
      <c r="CR43" s="1254"/>
      <c r="CS43" s="1254"/>
      <c r="CT43" s="1254"/>
      <c r="CU43" s="1254"/>
      <c r="CV43" s="1254"/>
      <c r="CW43" s="1254"/>
      <c r="CX43" s="1254"/>
      <c r="CY43" s="1254"/>
      <c r="CZ43" s="1254"/>
      <c r="DA43" s="1254"/>
      <c r="DB43" s="1254"/>
      <c r="DC43" s="1255"/>
    </row>
    <row r="44" spans="2:109" ht="13" x14ac:dyDescent="0.2">
      <c r="B44" s="372"/>
      <c r="AN44" s="1256"/>
      <c r="AO44" s="1257"/>
      <c r="AP44" s="1257"/>
      <c r="AQ44" s="1257"/>
      <c r="AR44" s="1257"/>
      <c r="AS44" s="1257"/>
      <c r="AT44" s="1257"/>
      <c r="AU44" s="1257"/>
      <c r="AV44" s="1257"/>
      <c r="AW44" s="1257"/>
      <c r="AX44" s="1257"/>
      <c r="AY44" s="1257"/>
      <c r="AZ44" s="1257"/>
      <c r="BA44" s="1257"/>
      <c r="BB44" s="1257"/>
      <c r="BC44" s="1257"/>
      <c r="BD44" s="1257"/>
      <c r="BE44" s="1257"/>
      <c r="BF44" s="1257"/>
      <c r="BG44" s="1257"/>
      <c r="BH44" s="1257"/>
      <c r="BI44" s="1257"/>
      <c r="BJ44" s="1257"/>
      <c r="BK44" s="1257"/>
      <c r="BL44" s="1257"/>
      <c r="BM44" s="1257"/>
      <c r="BN44" s="1257"/>
      <c r="BO44" s="1257"/>
      <c r="BP44" s="1257"/>
      <c r="BQ44" s="1257"/>
      <c r="BR44" s="1257"/>
      <c r="BS44" s="1257"/>
      <c r="BT44" s="1257"/>
      <c r="BU44" s="1257"/>
      <c r="BV44" s="1257"/>
      <c r="BW44" s="1257"/>
      <c r="BX44" s="1257"/>
      <c r="BY44" s="1257"/>
      <c r="BZ44" s="1257"/>
      <c r="CA44" s="1257"/>
      <c r="CB44" s="1257"/>
      <c r="CC44" s="1257"/>
      <c r="CD44" s="1257"/>
      <c r="CE44" s="1257"/>
      <c r="CF44" s="1257"/>
      <c r="CG44" s="1257"/>
      <c r="CH44" s="1257"/>
      <c r="CI44" s="1257"/>
      <c r="CJ44" s="1257"/>
      <c r="CK44" s="1257"/>
      <c r="CL44" s="1257"/>
      <c r="CM44" s="1257"/>
      <c r="CN44" s="1257"/>
      <c r="CO44" s="1257"/>
      <c r="CP44" s="1257"/>
      <c r="CQ44" s="1257"/>
      <c r="CR44" s="1257"/>
      <c r="CS44" s="1257"/>
      <c r="CT44" s="1257"/>
      <c r="CU44" s="1257"/>
      <c r="CV44" s="1257"/>
      <c r="CW44" s="1257"/>
      <c r="CX44" s="1257"/>
      <c r="CY44" s="1257"/>
      <c r="CZ44" s="1257"/>
      <c r="DA44" s="1257"/>
      <c r="DB44" s="1257"/>
      <c r="DC44" s="1258"/>
    </row>
    <row r="45" spans="2:109" ht="13" x14ac:dyDescent="0.2">
      <c r="B45" s="372"/>
      <c r="AN45" s="1256"/>
      <c r="AO45" s="1257"/>
      <c r="AP45" s="1257"/>
      <c r="AQ45" s="1257"/>
      <c r="AR45" s="1257"/>
      <c r="AS45" s="1257"/>
      <c r="AT45" s="1257"/>
      <c r="AU45" s="1257"/>
      <c r="AV45" s="1257"/>
      <c r="AW45" s="1257"/>
      <c r="AX45" s="1257"/>
      <c r="AY45" s="1257"/>
      <c r="AZ45" s="1257"/>
      <c r="BA45" s="1257"/>
      <c r="BB45" s="1257"/>
      <c r="BC45" s="1257"/>
      <c r="BD45" s="1257"/>
      <c r="BE45" s="1257"/>
      <c r="BF45" s="1257"/>
      <c r="BG45" s="1257"/>
      <c r="BH45" s="1257"/>
      <c r="BI45" s="1257"/>
      <c r="BJ45" s="1257"/>
      <c r="BK45" s="1257"/>
      <c r="BL45" s="1257"/>
      <c r="BM45" s="1257"/>
      <c r="BN45" s="1257"/>
      <c r="BO45" s="1257"/>
      <c r="BP45" s="1257"/>
      <c r="BQ45" s="1257"/>
      <c r="BR45" s="1257"/>
      <c r="BS45" s="1257"/>
      <c r="BT45" s="1257"/>
      <c r="BU45" s="1257"/>
      <c r="BV45" s="1257"/>
      <c r="BW45" s="1257"/>
      <c r="BX45" s="1257"/>
      <c r="BY45" s="1257"/>
      <c r="BZ45" s="1257"/>
      <c r="CA45" s="1257"/>
      <c r="CB45" s="1257"/>
      <c r="CC45" s="1257"/>
      <c r="CD45" s="1257"/>
      <c r="CE45" s="1257"/>
      <c r="CF45" s="1257"/>
      <c r="CG45" s="1257"/>
      <c r="CH45" s="1257"/>
      <c r="CI45" s="1257"/>
      <c r="CJ45" s="1257"/>
      <c r="CK45" s="1257"/>
      <c r="CL45" s="1257"/>
      <c r="CM45" s="1257"/>
      <c r="CN45" s="1257"/>
      <c r="CO45" s="1257"/>
      <c r="CP45" s="1257"/>
      <c r="CQ45" s="1257"/>
      <c r="CR45" s="1257"/>
      <c r="CS45" s="1257"/>
      <c r="CT45" s="1257"/>
      <c r="CU45" s="1257"/>
      <c r="CV45" s="1257"/>
      <c r="CW45" s="1257"/>
      <c r="CX45" s="1257"/>
      <c r="CY45" s="1257"/>
      <c r="CZ45" s="1257"/>
      <c r="DA45" s="1257"/>
      <c r="DB45" s="1257"/>
      <c r="DC45" s="1258"/>
    </row>
    <row r="46" spans="2:109" ht="13" x14ac:dyDescent="0.2">
      <c r="B46" s="372"/>
      <c r="AN46" s="1256"/>
      <c r="AO46" s="1257"/>
      <c r="AP46" s="1257"/>
      <c r="AQ46" s="1257"/>
      <c r="AR46" s="1257"/>
      <c r="AS46" s="1257"/>
      <c r="AT46" s="1257"/>
      <c r="AU46" s="1257"/>
      <c r="AV46" s="1257"/>
      <c r="AW46" s="1257"/>
      <c r="AX46" s="1257"/>
      <c r="AY46" s="1257"/>
      <c r="AZ46" s="1257"/>
      <c r="BA46" s="1257"/>
      <c r="BB46" s="1257"/>
      <c r="BC46" s="1257"/>
      <c r="BD46" s="1257"/>
      <c r="BE46" s="1257"/>
      <c r="BF46" s="1257"/>
      <c r="BG46" s="1257"/>
      <c r="BH46" s="1257"/>
      <c r="BI46" s="1257"/>
      <c r="BJ46" s="1257"/>
      <c r="BK46" s="1257"/>
      <c r="BL46" s="1257"/>
      <c r="BM46" s="1257"/>
      <c r="BN46" s="1257"/>
      <c r="BO46" s="1257"/>
      <c r="BP46" s="1257"/>
      <c r="BQ46" s="1257"/>
      <c r="BR46" s="1257"/>
      <c r="BS46" s="1257"/>
      <c r="BT46" s="1257"/>
      <c r="BU46" s="1257"/>
      <c r="BV46" s="1257"/>
      <c r="BW46" s="1257"/>
      <c r="BX46" s="1257"/>
      <c r="BY46" s="1257"/>
      <c r="BZ46" s="1257"/>
      <c r="CA46" s="1257"/>
      <c r="CB46" s="1257"/>
      <c r="CC46" s="1257"/>
      <c r="CD46" s="1257"/>
      <c r="CE46" s="1257"/>
      <c r="CF46" s="1257"/>
      <c r="CG46" s="1257"/>
      <c r="CH46" s="1257"/>
      <c r="CI46" s="1257"/>
      <c r="CJ46" s="1257"/>
      <c r="CK46" s="1257"/>
      <c r="CL46" s="1257"/>
      <c r="CM46" s="1257"/>
      <c r="CN46" s="1257"/>
      <c r="CO46" s="1257"/>
      <c r="CP46" s="1257"/>
      <c r="CQ46" s="1257"/>
      <c r="CR46" s="1257"/>
      <c r="CS46" s="1257"/>
      <c r="CT46" s="1257"/>
      <c r="CU46" s="1257"/>
      <c r="CV46" s="1257"/>
      <c r="CW46" s="1257"/>
      <c r="CX46" s="1257"/>
      <c r="CY46" s="1257"/>
      <c r="CZ46" s="1257"/>
      <c r="DA46" s="1257"/>
      <c r="DB46" s="1257"/>
      <c r="DC46" s="1258"/>
    </row>
    <row r="47" spans="2:109" ht="13" x14ac:dyDescent="0.2">
      <c r="B47" s="372"/>
      <c r="AN47" s="1259"/>
      <c r="AO47" s="1260"/>
      <c r="AP47" s="1260"/>
      <c r="AQ47" s="1260"/>
      <c r="AR47" s="1260"/>
      <c r="AS47" s="1260"/>
      <c r="AT47" s="1260"/>
      <c r="AU47" s="1260"/>
      <c r="AV47" s="1260"/>
      <c r="AW47" s="1260"/>
      <c r="AX47" s="1260"/>
      <c r="AY47" s="1260"/>
      <c r="AZ47" s="1260"/>
      <c r="BA47" s="1260"/>
      <c r="BB47" s="1260"/>
      <c r="BC47" s="1260"/>
      <c r="BD47" s="1260"/>
      <c r="BE47" s="1260"/>
      <c r="BF47" s="1260"/>
      <c r="BG47" s="1260"/>
      <c r="BH47" s="1260"/>
      <c r="BI47" s="1260"/>
      <c r="BJ47" s="1260"/>
      <c r="BK47" s="1260"/>
      <c r="BL47" s="1260"/>
      <c r="BM47" s="1260"/>
      <c r="BN47" s="1260"/>
      <c r="BO47" s="1260"/>
      <c r="BP47" s="1260"/>
      <c r="BQ47" s="1260"/>
      <c r="BR47" s="1260"/>
      <c r="BS47" s="1260"/>
      <c r="BT47" s="1260"/>
      <c r="BU47" s="1260"/>
      <c r="BV47" s="1260"/>
      <c r="BW47" s="1260"/>
      <c r="BX47" s="1260"/>
      <c r="BY47" s="1260"/>
      <c r="BZ47" s="1260"/>
      <c r="CA47" s="1260"/>
      <c r="CB47" s="1260"/>
      <c r="CC47" s="1260"/>
      <c r="CD47" s="1260"/>
      <c r="CE47" s="1260"/>
      <c r="CF47" s="1260"/>
      <c r="CG47" s="1260"/>
      <c r="CH47" s="1260"/>
      <c r="CI47" s="1260"/>
      <c r="CJ47" s="1260"/>
      <c r="CK47" s="1260"/>
      <c r="CL47" s="1260"/>
      <c r="CM47" s="1260"/>
      <c r="CN47" s="1260"/>
      <c r="CO47" s="1260"/>
      <c r="CP47" s="1260"/>
      <c r="CQ47" s="1260"/>
      <c r="CR47" s="1260"/>
      <c r="CS47" s="1260"/>
      <c r="CT47" s="1260"/>
      <c r="CU47" s="1260"/>
      <c r="CV47" s="1260"/>
      <c r="CW47" s="1260"/>
      <c r="CX47" s="1260"/>
      <c r="CY47" s="1260"/>
      <c r="CZ47" s="1260"/>
      <c r="DA47" s="1260"/>
      <c r="DB47" s="1260"/>
      <c r="DC47" s="1261"/>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91</v>
      </c>
    </row>
    <row r="50" spans="1:109" ht="13" x14ac:dyDescent="0.2">
      <c r="B50" s="372"/>
      <c r="G50" s="1262"/>
      <c r="H50" s="1262"/>
      <c r="I50" s="1262"/>
      <c r="J50" s="1262"/>
      <c r="K50" s="382"/>
      <c r="L50" s="382"/>
      <c r="M50" s="383"/>
      <c r="N50" s="383"/>
      <c r="AN50" s="1263"/>
      <c r="AO50" s="1264"/>
      <c r="AP50" s="1264"/>
      <c r="AQ50" s="1264"/>
      <c r="AR50" s="1264"/>
      <c r="AS50" s="1264"/>
      <c r="AT50" s="1264"/>
      <c r="AU50" s="1264"/>
      <c r="AV50" s="1264"/>
      <c r="AW50" s="1264"/>
      <c r="AX50" s="1264"/>
      <c r="AY50" s="1264"/>
      <c r="AZ50" s="1264"/>
      <c r="BA50" s="1264"/>
      <c r="BB50" s="1264"/>
      <c r="BC50" s="1264"/>
      <c r="BD50" s="1264"/>
      <c r="BE50" s="1264"/>
      <c r="BF50" s="1264"/>
      <c r="BG50" s="1264"/>
      <c r="BH50" s="1264"/>
      <c r="BI50" s="1264"/>
      <c r="BJ50" s="1264"/>
      <c r="BK50" s="1264"/>
      <c r="BL50" s="1264"/>
      <c r="BM50" s="1264"/>
      <c r="BN50" s="1264"/>
      <c r="BO50" s="1265"/>
      <c r="BP50" s="1266" t="s">
        <v>549</v>
      </c>
      <c r="BQ50" s="1266"/>
      <c r="BR50" s="1266"/>
      <c r="BS50" s="1266"/>
      <c r="BT50" s="1266"/>
      <c r="BU50" s="1266"/>
      <c r="BV50" s="1266"/>
      <c r="BW50" s="1266"/>
      <c r="BX50" s="1266" t="s">
        <v>550</v>
      </c>
      <c r="BY50" s="1266"/>
      <c r="BZ50" s="1266"/>
      <c r="CA50" s="1266"/>
      <c r="CB50" s="1266"/>
      <c r="CC50" s="1266"/>
      <c r="CD50" s="1266"/>
      <c r="CE50" s="1266"/>
      <c r="CF50" s="1266" t="s">
        <v>551</v>
      </c>
      <c r="CG50" s="1266"/>
      <c r="CH50" s="1266"/>
      <c r="CI50" s="1266"/>
      <c r="CJ50" s="1266"/>
      <c r="CK50" s="1266"/>
      <c r="CL50" s="1266"/>
      <c r="CM50" s="1266"/>
      <c r="CN50" s="1266" t="s">
        <v>552</v>
      </c>
      <c r="CO50" s="1266"/>
      <c r="CP50" s="1266"/>
      <c r="CQ50" s="1266"/>
      <c r="CR50" s="1266"/>
      <c r="CS50" s="1266"/>
      <c r="CT50" s="1266"/>
      <c r="CU50" s="1266"/>
      <c r="CV50" s="1266" t="s">
        <v>553</v>
      </c>
      <c r="CW50" s="1266"/>
      <c r="CX50" s="1266"/>
      <c r="CY50" s="1266"/>
      <c r="CZ50" s="1266"/>
      <c r="DA50" s="1266"/>
      <c r="DB50" s="1266"/>
      <c r="DC50" s="1266"/>
    </row>
    <row r="51" spans="1:109" ht="13.5" customHeight="1" x14ac:dyDescent="0.2">
      <c r="B51" s="372"/>
      <c r="G51" s="1272"/>
      <c r="H51" s="1272"/>
      <c r="I51" s="1270"/>
      <c r="J51" s="1270"/>
      <c r="K51" s="1268"/>
      <c r="L51" s="1268"/>
      <c r="M51" s="1268"/>
      <c r="N51" s="1268"/>
      <c r="AM51" s="381"/>
      <c r="AN51" s="1269" t="s">
        <v>592</v>
      </c>
      <c r="AO51" s="1269"/>
      <c r="AP51" s="1269"/>
      <c r="AQ51" s="1269"/>
      <c r="AR51" s="1269"/>
      <c r="AS51" s="1269"/>
      <c r="AT51" s="1269"/>
      <c r="AU51" s="1269"/>
      <c r="AV51" s="1269"/>
      <c r="AW51" s="1269"/>
      <c r="AX51" s="1269"/>
      <c r="AY51" s="1269"/>
      <c r="AZ51" s="1269"/>
      <c r="BA51" s="1269"/>
      <c r="BB51" s="1269" t="s">
        <v>593</v>
      </c>
      <c r="BC51" s="1269"/>
      <c r="BD51" s="1269"/>
      <c r="BE51" s="1269"/>
      <c r="BF51" s="1269"/>
      <c r="BG51" s="1269"/>
      <c r="BH51" s="1269"/>
      <c r="BI51" s="1269"/>
      <c r="BJ51" s="1269"/>
      <c r="BK51" s="1269"/>
      <c r="BL51" s="1269"/>
      <c r="BM51" s="1269"/>
      <c r="BN51" s="1269"/>
      <c r="BO51" s="1269"/>
      <c r="BP51" s="1267">
        <v>61.7</v>
      </c>
      <c r="BQ51" s="1267"/>
      <c r="BR51" s="1267"/>
      <c r="BS51" s="1267"/>
      <c r="BT51" s="1267"/>
      <c r="BU51" s="1267"/>
      <c r="BV51" s="1267"/>
      <c r="BW51" s="1267"/>
      <c r="BX51" s="1267">
        <v>65.3</v>
      </c>
      <c r="BY51" s="1267"/>
      <c r="BZ51" s="1267"/>
      <c r="CA51" s="1267"/>
      <c r="CB51" s="1267"/>
      <c r="CC51" s="1267"/>
      <c r="CD51" s="1267"/>
      <c r="CE51" s="1267"/>
      <c r="CF51" s="1267">
        <v>49.2</v>
      </c>
      <c r="CG51" s="1267"/>
      <c r="CH51" s="1267"/>
      <c r="CI51" s="1267"/>
      <c r="CJ51" s="1267"/>
      <c r="CK51" s="1267"/>
      <c r="CL51" s="1267"/>
      <c r="CM51" s="1267"/>
      <c r="CN51" s="1267">
        <v>33.9</v>
      </c>
      <c r="CO51" s="1267"/>
      <c r="CP51" s="1267"/>
      <c r="CQ51" s="1267"/>
      <c r="CR51" s="1267"/>
      <c r="CS51" s="1267"/>
      <c r="CT51" s="1267"/>
      <c r="CU51" s="1267"/>
      <c r="CV51" s="1267">
        <v>16.3</v>
      </c>
      <c r="CW51" s="1267"/>
      <c r="CX51" s="1267"/>
      <c r="CY51" s="1267"/>
      <c r="CZ51" s="1267"/>
      <c r="DA51" s="1267"/>
      <c r="DB51" s="1267"/>
      <c r="DC51" s="1267"/>
    </row>
    <row r="52" spans="1:109" ht="13" x14ac:dyDescent="0.2">
      <c r="B52" s="372"/>
      <c r="G52" s="1272"/>
      <c r="H52" s="1272"/>
      <c r="I52" s="1270"/>
      <c r="J52" s="1270"/>
      <c r="K52" s="1268"/>
      <c r="L52" s="1268"/>
      <c r="M52" s="1268"/>
      <c r="N52" s="1268"/>
      <c r="AM52" s="381"/>
      <c r="AN52" s="1269"/>
      <c r="AO52" s="1269"/>
      <c r="AP52" s="1269"/>
      <c r="AQ52" s="1269"/>
      <c r="AR52" s="1269"/>
      <c r="AS52" s="1269"/>
      <c r="AT52" s="1269"/>
      <c r="AU52" s="1269"/>
      <c r="AV52" s="1269"/>
      <c r="AW52" s="1269"/>
      <c r="AX52" s="1269"/>
      <c r="AY52" s="1269"/>
      <c r="AZ52" s="1269"/>
      <c r="BA52" s="1269"/>
      <c r="BB52" s="1269"/>
      <c r="BC52" s="1269"/>
      <c r="BD52" s="1269"/>
      <c r="BE52" s="1269"/>
      <c r="BF52" s="1269"/>
      <c r="BG52" s="1269"/>
      <c r="BH52" s="1269"/>
      <c r="BI52" s="1269"/>
      <c r="BJ52" s="1269"/>
      <c r="BK52" s="1269"/>
      <c r="BL52" s="1269"/>
      <c r="BM52" s="1269"/>
      <c r="BN52" s="1269"/>
      <c r="BO52" s="1269"/>
      <c r="BP52" s="1267"/>
      <c r="BQ52" s="1267"/>
      <c r="BR52" s="1267"/>
      <c r="BS52" s="1267"/>
      <c r="BT52" s="1267"/>
      <c r="BU52" s="1267"/>
      <c r="BV52" s="1267"/>
      <c r="BW52" s="1267"/>
      <c r="BX52" s="1267"/>
      <c r="BY52" s="1267"/>
      <c r="BZ52" s="1267"/>
      <c r="CA52" s="1267"/>
      <c r="CB52" s="1267"/>
      <c r="CC52" s="1267"/>
      <c r="CD52" s="1267"/>
      <c r="CE52" s="1267"/>
      <c r="CF52" s="1267"/>
      <c r="CG52" s="1267"/>
      <c r="CH52" s="1267"/>
      <c r="CI52" s="1267"/>
      <c r="CJ52" s="1267"/>
      <c r="CK52" s="1267"/>
      <c r="CL52" s="1267"/>
      <c r="CM52" s="1267"/>
      <c r="CN52" s="1267"/>
      <c r="CO52" s="1267"/>
      <c r="CP52" s="1267"/>
      <c r="CQ52" s="1267"/>
      <c r="CR52" s="1267"/>
      <c r="CS52" s="1267"/>
      <c r="CT52" s="1267"/>
      <c r="CU52" s="1267"/>
      <c r="CV52" s="1267"/>
      <c r="CW52" s="1267"/>
      <c r="CX52" s="1267"/>
      <c r="CY52" s="1267"/>
      <c r="CZ52" s="1267"/>
      <c r="DA52" s="1267"/>
      <c r="DB52" s="1267"/>
      <c r="DC52" s="1267"/>
    </row>
    <row r="53" spans="1:109" ht="13" x14ac:dyDescent="0.2">
      <c r="A53" s="380"/>
      <c r="B53" s="372"/>
      <c r="G53" s="1272"/>
      <c r="H53" s="1272"/>
      <c r="I53" s="1262"/>
      <c r="J53" s="1262"/>
      <c r="K53" s="1268"/>
      <c r="L53" s="1268"/>
      <c r="M53" s="1268"/>
      <c r="N53" s="1268"/>
      <c r="AM53" s="381"/>
      <c r="AN53" s="1269"/>
      <c r="AO53" s="1269"/>
      <c r="AP53" s="1269"/>
      <c r="AQ53" s="1269"/>
      <c r="AR53" s="1269"/>
      <c r="AS53" s="1269"/>
      <c r="AT53" s="1269"/>
      <c r="AU53" s="1269"/>
      <c r="AV53" s="1269"/>
      <c r="AW53" s="1269"/>
      <c r="AX53" s="1269"/>
      <c r="AY53" s="1269"/>
      <c r="AZ53" s="1269"/>
      <c r="BA53" s="1269"/>
      <c r="BB53" s="1269" t="s">
        <v>594</v>
      </c>
      <c r="BC53" s="1269"/>
      <c r="BD53" s="1269"/>
      <c r="BE53" s="1269"/>
      <c r="BF53" s="1269"/>
      <c r="BG53" s="1269"/>
      <c r="BH53" s="1269"/>
      <c r="BI53" s="1269"/>
      <c r="BJ53" s="1269"/>
      <c r="BK53" s="1269"/>
      <c r="BL53" s="1269"/>
      <c r="BM53" s="1269"/>
      <c r="BN53" s="1269"/>
      <c r="BO53" s="1269"/>
      <c r="BP53" s="1267">
        <v>70</v>
      </c>
      <c r="BQ53" s="1267"/>
      <c r="BR53" s="1267"/>
      <c r="BS53" s="1267"/>
      <c r="BT53" s="1267"/>
      <c r="BU53" s="1267"/>
      <c r="BV53" s="1267"/>
      <c r="BW53" s="1267"/>
      <c r="BX53" s="1267">
        <v>71.400000000000006</v>
      </c>
      <c r="BY53" s="1267"/>
      <c r="BZ53" s="1267"/>
      <c r="CA53" s="1267"/>
      <c r="CB53" s="1267"/>
      <c r="CC53" s="1267"/>
      <c r="CD53" s="1267"/>
      <c r="CE53" s="1267"/>
      <c r="CF53" s="1267">
        <v>71.5</v>
      </c>
      <c r="CG53" s="1267"/>
      <c r="CH53" s="1267"/>
      <c r="CI53" s="1267"/>
      <c r="CJ53" s="1267"/>
      <c r="CK53" s="1267"/>
      <c r="CL53" s="1267"/>
      <c r="CM53" s="1267"/>
      <c r="CN53" s="1267">
        <v>70.3</v>
      </c>
      <c r="CO53" s="1267"/>
      <c r="CP53" s="1267"/>
      <c r="CQ53" s="1267"/>
      <c r="CR53" s="1267"/>
      <c r="CS53" s="1267"/>
      <c r="CT53" s="1267"/>
      <c r="CU53" s="1267"/>
      <c r="CV53" s="1267">
        <v>64.8</v>
      </c>
      <c r="CW53" s="1267"/>
      <c r="CX53" s="1267"/>
      <c r="CY53" s="1267"/>
      <c r="CZ53" s="1267"/>
      <c r="DA53" s="1267"/>
      <c r="DB53" s="1267"/>
      <c r="DC53" s="1267"/>
    </row>
    <row r="54" spans="1:109" ht="13" x14ac:dyDescent="0.2">
      <c r="A54" s="380"/>
      <c r="B54" s="372"/>
      <c r="G54" s="1272"/>
      <c r="H54" s="1272"/>
      <c r="I54" s="1262"/>
      <c r="J54" s="1262"/>
      <c r="K54" s="1268"/>
      <c r="L54" s="1268"/>
      <c r="M54" s="1268"/>
      <c r="N54" s="1268"/>
      <c r="AM54" s="381"/>
      <c r="AN54" s="1269"/>
      <c r="AO54" s="1269"/>
      <c r="AP54" s="1269"/>
      <c r="AQ54" s="1269"/>
      <c r="AR54" s="1269"/>
      <c r="AS54" s="1269"/>
      <c r="AT54" s="1269"/>
      <c r="AU54" s="1269"/>
      <c r="AV54" s="1269"/>
      <c r="AW54" s="1269"/>
      <c r="AX54" s="1269"/>
      <c r="AY54" s="1269"/>
      <c r="AZ54" s="1269"/>
      <c r="BA54" s="1269"/>
      <c r="BB54" s="1269"/>
      <c r="BC54" s="1269"/>
      <c r="BD54" s="1269"/>
      <c r="BE54" s="1269"/>
      <c r="BF54" s="1269"/>
      <c r="BG54" s="1269"/>
      <c r="BH54" s="1269"/>
      <c r="BI54" s="1269"/>
      <c r="BJ54" s="1269"/>
      <c r="BK54" s="1269"/>
      <c r="BL54" s="1269"/>
      <c r="BM54" s="1269"/>
      <c r="BN54" s="1269"/>
      <c r="BO54" s="1269"/>
      <c r="BP54" s="1267"/>
      <c r="BQ54" s="1267"/>
      <c r="BR54" s="1267"/>
      <c r="BS54" s="1267"/>
      <c r="BT54" s="1267"/>
      <c r="BU54" s="1267"/>
      <c r="BV54" s="1267"/>
      <c r="BW54" s="1267"/>
      <c r="BX54" s="1267"/>
      <c r="BY54" s="1267"/>
      <c r="BZ54" s="1267"/>
      <c r="CA54" s="1267"/>
      <c r="CB54" s="1267"/>
      <c r="CC54" s="1267"/>
      <c r="CD54" s="1267"/>
      <c r="CE54" s="1267"/>
      <c r="CF54" s="1267"/>
      <c r="CG54" s="1267"/>
      <c r="CH54" s="1267"/>
      <c r="CI54" s="1267"/>
      <c r="CJ54" s="1267"/>
      <c r="CK54" s="1267"/>
      <c r="CL54" s="1267"/>
      <c r="CM54" s="1267"/>
      <c r="CN54" s="1267"/>
      <c r="CO54" s="1267"/>
      <c r="CP54" s="1267"/>
      <c r="CQ54" s="1267"/>
      <c r="CR54" s="1267"/>
      <c r="CS54" s="1267"/>
      <c r="CT54" s="1267"/>
      <c r="CU54" s="1267"/>
      <c r="CV54" s="1267"/>
      <c r="CW54" s="1267"/>
      <c r="CX54" s="1267"/>
      <c r="CY54" s="1267"/>
      <c r="CZ54" s="1267"/>
      <c r="DA54" s="1267"/>
      <c r="DB54" s="1267"/>
      <c r="DC54" s="1267"/>
    </row>
    <row r="55" spans="1:109" ht="13" x14ac:dyDescent="0.2">
      <c r="A55" s="380"/>
      <c r="B55" s="372"/>
      <c r="G55" s="1262"/>
      <c r="H55" s="1262"/>
      <c r="I55" s="1262"/>
      <c r="J55" s="1262"/>
      <c r="K55" s="1268"/>
      <c r="L55" s="1268"/>
      <c r="M55" s="1268"/>
      <c r="N55" s="1268"/>
      <c r="AN55" s="1266" t="s">
        <v>595</v>
      </c>
      <c r="AO55" s="1266"/>
      <c r="AP55" s="1266"/>
      <c r="AQ55" s="1266"/>
      <c r="AR55" s="1266"/>
      <c r="AS55" s="1266"/>
      <c r="AT55" s="1266"/>
      <c r="AU55" s="1266"/>
      <c r="AV55" s="1266"/>
      <c r="AW55" s="1266"/>
      <c r="AX55" s="1266"/>
      <c r="AY55" s="1266"/>
      <c r="AZ55" s="1266"/>
      <c r="BA55" s="1266"/>
      <c r="BB55" s="1269" t="s">
        <v>593</v>
      </c>
      <c r="BC55" s="1269"/>
      <c r="BD55" s="1269"/>
      <c r="BE55" s="1269"/>
      <c r="BF55" s="1269"/>
      <c r="BG55" s="1269"/>
      <c r="BH55" s="1269"/>
      <c r="BI55" s="1269"/>
      <c r="BJ55" s="1269"/>
      <c r="BK55" s="1269"/>
      <c r="BL55" s="1269"/>
      <c r="BM55" s="1269"/>
      <c r="BN55" s="1269"/>
      <c r="BO55" s="1269"/>
      <c r="BP55" s="1267">
        <v>0</v>
      </c>
      <c r="BQ55" s="1267"/>
      <c r="BR55" s="1267"/>
      <c r="BS55" s="1267"/>
      <c r="BT55" s="1267"/>
      <c r="BU55" s="1267"/>
      <c r="BV55" s="1267"/>
      <c r="BW55" s="1267"/>
      <c r="BX55" s="1267">
        <v>3.1</v>
      </c>
      <c r="BY55" s="1267"/>
      <c r="BZ55" s="1267"/>
      <c r="CA55" s="1267"/>
      <c r="CB55" s="1267"/>
      <c r="CC55" s="1267"/>
      <c r="CD55" s="1267"/>
      <c r="CE55" s="1267"/>
      <c r="CF55" s="1267">
        <v>13.7</v>
      </c>
      <c r="CG55" s="1267"/>
      <c r="CH55" s="1267"/>
      <c r="CI55" s="1267"/>
      <c r="CJ55" s="1267"/>
      <c r="CK55" s="1267"/>
      <c r="CL55" s="1267"/>
      <c r="CM55" s="1267"/>
      <c r="CN55" s="1267">
        <v>6.9</v>
      </c>
      <c r="CO55" s="1267"/>
      <c r="CP55" s="1267"/>
      <c r="CQ55" s="1267"/>
      <c r="CR55" s="1267"/>
      <c r="CS55" s="1267"/>
      <c r="CT55" s="1267"/>
      <c r="CU55" s="1267"/>
      <c r="CV55" s="1267">
        <v>0</v>
      </c>
      <c r="CW55" s="1267"/>
      <c r="CX55" s="1267"/>
      <c r="CY55" s="1267"/>
      <c r="CZ55" s="1267"/>
      <c r="DA55" s="1267"/>
      <c r="DB55" s="1267"/>
      <c r="DC55" s="1267"/>
    </row>
    <row r="56" spans="1:109" ht="13" x14ac:dyDescent="0.2">
      <c r="A56" s="380"/>
      <c r="B56" s="372"/>
      <c r="G56" s="1262"/>
      <c r="H56" s="1262"/>
      <c r="I56" s="1262"/>
      <c r="J56" s="1262"/>
      <c r="K56" s="1268"/>
      <c r="L56" s="1268"/>
      <c r="M56" s="1268"/>
      <c r="N56" s="1268"/>
      <c r="AN56" s="1266"/>
      <c r="AO56" s="1266"/>
      <c r="AP56" s="1266"/>
      <c r="AQ56" s="1266"/>
      <c r="AR56" s="1266"/>
      <c r="AS56" s="1266"/>
      <c r="AT56" s="1266"/>
      <c r="AU56" s="1266"/>
      <c r="AV56" s="1266"/>
      <c r="AW56" s="1266"/>
      <c r="AX56" s="1266"/>
      <c r="AY56" s="1266"/>
      <c r="AZ56" s="1266"/>
      <c r="BA56" s="1266"/>
      <c r="BB56" s="1269"/>
      <c r="BC56" s="1269"/>
      <c r="BD56" s="1269"/>
      <c r="BE56" s="1269"/>
      <c r="BF56" s="1269"/>
      <c r="BG56" s="1269"/>
      <c r="BH56" s="1269"/>
      <c r="BI56" s="1269"/>
      <c r="BJ56" s="1269"/>
      <c r="BK56" s="1269"/>
      <c r="BL56" s="1269"/>
      <c r="BM56" s="1269"/>
      <c r="BN56" s="1269"/>
      <c r="BO56" s="1269"/>
      <c r="BP56" s="1267"/>
      <c r="BQ56" s="1267"/>
      <c r="BR56" s="1267"/>
      <c r="BS56" s="1267"/>
      <c r="BT56" s="1267"/>
      <c r="BU56" s="1267"/>
      <c r="BV56" s="1267"/>
      <c r="BW56" s="1267"/>
      <c r="BX56" s="1267"/>
      <c r="BY56" s="1267"/>
      <c r="BZ56" s="1267"/>
      <c r="CA56" s="1267"/>
      <c r="CB56" s="1267"/>
      <c r="CC56" s="1267"/>
      <c r="CD56" s="1267"/>
      <c r="CE56" s="1267"/>
      <c r="CF56" s="1267"/>
      <c r="CG56" s="1267"/>
      <c r="CH56" s="1267"/>
      <c r="CI56" s="1267"/>
      <c r="CJ56" s="1267"/>
      <c r="CK56" s="1267"/>
      <c r="CL56" s="1267"/>
      <c r="CM56" s="1267"/>
      <c r="CN56" s="1267"/>
      <c r="CO56" s="1267"/>
      <c r="CP56" s="1267"/>
      <c r="CQ56" s="1267"/>
      <c r="CR56" s="1267"/>
      <c r="CS56" s="1267"/>
      <c r="CT56" s="1267"/>
      <c r="CU56" s="1267"/>
      <c r="CV56" s="1267"/>
      <c r="CW56" s="1267"/>
      <c r="CX56" s="1267"/>
      <c r="CY56" s="1267"/>
      <c r="CZ56" s="1267"/>
      <c r="DA56" s="1267"/>
      <c r="DB56" s="1267"/>
      <c r="DC56" s="1267"/>
    </row>
    <row r="57" spans="1:109" s="380" customFormat="1" ht="13" x14ac:dyDescent="0.2">
      <c r="B57" s="384"/>
      <c r="G57" s="1262"/>
      <c r="H57" s="1262"/>
      <c r="I57" s="1271"/>
      <c r="J57" s="1271"/>
      <c r="K57" s="1268"/>
      <c r="L57" s="1268"/>
      <c r="M57" s="1268"/>
      <c r="N57" s="1268"/>
      <c r="AM57" s="366"/>
      <c r="AN57" s="1266"/>
      <c r="AO57" s="1266"/>
      <c r="AP57" s="1266"/>
      <c r="AQ57" s="1266"/>
      <c r="AR57" s="1266"/>
      <c r="AS57" s="1266"/>
      <c r="AT57" s="1266"/>
      <c r="AU57" s="1266"/>
      <c r="AV57" s="1266"/>
      <c r="AW57" s="1266"/>
      <c r="AX57" s="1266"/>
      <c r="AY57" s="1266"/>
      <c r="AZ57" s="1266"/>
      <c r="BA57" s="1266"/>
      <c r="BB57" s="1269" t="s">
        <v>594</v>
      </c>
      <c r="BC57" s="1269"/>
      <c r="BD57" s="1269"/>
      <c r="BE57" s="1269"/>
      <c r="BF57" s="1269"/>
      <c r="BG57" s="1269"/>
      <c r="BH57" s="1269"/>
      <c r="BI57" s="1269"/>
      <c r="BJ57" s="1269"/>
      <c r="BK57" s="1269"/>
      <c r="BL57" s="1269"/>
      <c r="BM57" s="1269"/>
      <c r="BN57" s="1269"/>
      <c r="BO57" s="1269"/>
      <c r="BP57" s="1267">
        <v>60</v>
      </c>
      <c r="BQ57" s="1267"/>
      <c r="BR57" s="1267"/>
      <c r="BS57" s="1267"/>
      <c r="BT57" s="1267"/>
      <c r="BU57" s="1267"/>
      <c r="BV57" s="1267"/>
      <c r="BW57" s="1267"/>
      <c r="BX57" s="1267">
        <v>61.2</v>
      </c>
      <c r="BY57" s="1267"/>
      <c r="BZ57" s="1267"/>
      <c r="CA57" s="1267"/>
      <c r="CB57" s="1267"/>
      <c r="CC57" s="1267"/>
      <c r="CD57" s="1267"/>
      <c r="CE57" s="1267"/>
      <c r="CF57" s="1267">
        <v>62</v>
      </c>
      <c r="CG57" s="1267"/>
      <c r="CH57" s="1267"/>
      <c r="CI57" s="1267"/>
      <c r="CJ57" s="1267"/>
      <c r="CK57" s="1267"/>
      <c r="CL57" s="1267"/>
      <c r="CM57" s="1267"/>
      <c r="CN57" s="1267">
        <v>62.9</v>
      </c>
      <c r="CO57" s="1267"/>
      <c r="CP57" s="1267"/>
      <c r="CQ57" s="1267"/>
      <c r="CR57" s="1267"/>
      <c r="CS57" s="1267"/>
      <c r="CT57" s="1267"/>
      <c r="CU57" s="1267"/>
      <c r="CV57" s="1267">
        <v>62.8</v>
      </c>
      <c r="CW57" s="1267"/>
      <c r="CX57" s="1267"/>
      <c r="CY57" s="1267"/>
      <c r="CZ57" s="1267"/>
      <c r="DA57" s="1267"/>
      <c r="DB57" s="1267"/>
      <c r="DC57" s="1267"/>
      <c r="DD57" s="385"/>
      <c r="DE57" s="384"/>
    </row>
    <row r="58" spans="1:109" s="380" customFormat="1" ht="13" x14ac:dyDescent="0.2">
      <c r="A58" s="366"/>
      <c r="B58" s="384"/>
      <c r="G58" s="1262"/>
      <c r="H58" s="1262"/>
      <c r="I58" s="1271"/>
      <c r="J58" s="1271"/>
      <c r="K58" s="1268"/>
      <c r="L58" s="1268"/>
      <c r="M58" s="1268"/>
      <c r="N58" s="1268"/>
      <c r="AM58" s="366"/>
      <c r="AN58" s="1266"/>
      <c r="AO58" s="1266"/>
      <c r="AP58" s="1266"/>
      <c r="AQ58" s="1266"/>
      <c r="AR58" s="1266"/>
      <c r="AS58" s="1266"/>
      <c r="AT58" s="1266"/>
      <c r="AU58" s="1266"/>
      <c r="AV58" s="1266"/>
      <c r="AW58" s="1266"/>
      <c r="AX58" s="1266"/>
      <c r="AY58" s="1266"/>
      <c r="AZ58" s="1266"/>
      <c r="BA58" s="1266"/>
      <c r="BB58" s="1269"/>
      <c r="BC58" s="1269"/>
      <c r="BD58" s="1269"/>
      <c r="BE58" s="1269"/>
      <c r="BF58" s="1269"/>
      <c r="BG58" s="1269"/>
      <c r="BH58" s="1269"/>
      <c r="BI58" s="1269"/>
      <c r="BJ58" s="1269"/>
      <c r="BK58" s="1269"/>
      <c r="BL58" s="1269"/>
      <c r="BM58" s="1269"/>
      <c r="BN58" s="1269"/>
      <c r="BO58" s="1269"/>
      <c r="BP58" s="1267"/>
      <c r="BQ58" s="1267"/>
      <c r="BR58" s="1267"/>
      <c r="BS58" s="1267"/>
      <c r="BT58" s="1267"/>
      <c r="BU58" s="1267"/>
      <c r="BV58" s="1267"/>
      <c r="BW58" s="1267"/>
      <c r="BX58" s="1267"/>
      <c r="BY58" s="1267"/>
      <c r="BZ58" s="1267"/>
      <c r="CA58" s="1267"/>
      <c r="CB58" s="1267"/>
      <c r="CC58" s="1267"/>
      <c r="CD58" s="1267"/>
      <c r="CE58" s="1267"/>
      <c r="CF58" s="1267"/>
      <c r="CG58" s="1267"/>
      <c r="CH58" s="1267"/>
      <c r="CI58" s="1267"/>
      <c r="CJ58" s="1267"/>
      <c r="CK58" s="1267"/>
      <c r="CL58" s="1267"/>
      <c r="CM58" s="1267"/>
      <c r="CN58" s="1267"/>
      <c r="CO58" s="1267"/>
      <c r="CP58" s="1267"/>
      <c r="CQ58" s="1267"/>
      <c r="CR58" s="1267"/>
      <c r="CS58" s="1267"/>
      <c r="CT58" s="1267"/>
      <c r="CU58" s="1267"/>
      <c r="CV58" s="1267"/>
      <c r="CW58" s="1267"/>
      <c r="CX58" s="1267"/>
      <c r="CY58" s="1267"/>
      <c r="CZ58" s="1267"/>
      <c r="DA58" s="1267"/>
      <c r="DB58" s="1267"/>
      <c r="DC58" s="1267"/>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596</v>
      </c>
    </row>
    <row r="64" spans="1:109" ht="13" x14ac:dyDescent="0.2">
      <c r="B64" s="372"/>
      <c r="G64" s="379"/>
      <c r="I64" s="392"/>
      <c r="J64" s="392"/>
      <c r="K64" s="392"/>
      <c r="L64" s="392"/>
      <c r="M64" s="392"/>
      <c r="N64" s="393"/>
      <c r="AM64" s="379"/>
      <c r="AN64" s="379" t="s">
        <v>589</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53" t="s">
        <v>597</v>
      </c>
      <c r="AO65" s="1254"/>
      <c r="AP65" s="1254"/>
      <c r="AQ65" s="1254"/>
      <c r="AR65" s="1254"/>
      <c r="AS65" s="1254"/>
      <c r="AT65" s="1254"/>
      <c r="AU65" s="1254"/>
      <c r="AV65" s="1254"/>
      <c r="AW65" s="1254"/>
      <c r="AX65" s="1254"/>
      <c r="AY65" s="1254"/>
      <c r="AZ65" s="1254"/>
      <c r="BA65" s="1254"/>
      <c r="BB65" s="1254"/>
      <c r="BC65" s="1254"/>
      <c r="BD65" s="1254"/>
      <c r="BE65" s="1254"/>
      <c r="BF65" s="1254"/>
      <c r="BG65" s="1254"/>
      <c r="BH65" s="1254"/>
      <c r="BI65" s="1254"/>
      <c r="BJ65" s="1254"/>
      <c r="BK65" s="1254"/>
      <c r="BL65" s="1254"/>
      <c r="BM65" s="1254"/>
      <c r="BN65" s="1254"/>
      <c r="BO65" s="1254"/>
      <c r="BP65" s="1254"/>
      <c r="BQ65" s="1254"/>
      <c r="BR65" s="1254"/>
      <c r="BS65" s="1254"/>
      <c r="BT65" s="1254"/>
      <c r="BU65" s="1254"/>
      <c r="BV65" s="1254"/>
      <c r="BW65" s="1254"/>
      <c r="BX65" s="1254"/>
      <c r="BY65" s="1254"/>
      <c r="BZ65" s="1254"/>
      <c r="CA65" s="1254"/>
      <c r="CB65" s="1254"/>
      <c r="CC65" s="1254"/>
      <c r="CD65" s="1254"/>
      <c r="CE65" s="1254"/>
      <c r="CF65" s="1254"/>
      <c r="CG65" s="1254"/>
      <c r="CH65" s="1254"/>
      <c r="CI65" s="1254"/>
      <c r="CJ65" s="1254"/>
      <c r="CK65" s="1254"/>
      <c r="CL65" s="1254"/>
      <c r="CM65" s="1254"/>
      <c r="CN65" s="1254"/>
      <c r="CO65" s="1254"/>
      <c r="CP65" s="1254"/>
      <c r="CQ65" s="1254"/>
      <c r="CR65" s="1254"/>
      <c r="CS65" s="1254"/>
      <c r="CT65" s="1254"/>
      <c r="CU65" s="1254"/>
      <c r="CV65" s="1254"/>
      <c r="CW65" s="1254"/>
      <c r="CX65" s="1254"/>
      <c r="CY65" s="1254"/>
      <c r="CZ65" s="1254"/>
      <c r="DA65" s="1254"/>
      <c r="DB65" s="1254"/>
      <c r="DC65" s="1255"/>
    </row>
    <row r="66" spans="2:107" ht="13" x14ac:dyDescent="0.2">
      <c r="B66" s="372"/>
      <c r="AN66" s="1256"/>
      <c r="AO66" s="1257"/>
      <c r="AP66" s="1257"/>
      <c r="AQ66" s="1257"/>
      <c r="AR66" s="1257"/>
      <c r="AS66" s="1257"/>
      <c r="AT66" s="1257"/>
      <c r="AU66" s="1257"/>
      <c r="AV66" s="1257"/>
      <c r="AW66" s="1257"/>
      <c r="AX66" s="1257"/>
      <c r="AY66" s="1257"/>
      <c r="AZ66" s="1257"/>
      <c r="BA66" s="1257"/>
      <c r="BB66" s="1257"/>
      <c r="BC66" s="1257"/>
      <c r="BD66" s="1257"/>
      <c r="BE66" s="1257"/>
      <c r="BF66" s="1257"/>
      <c r="BG66" s="1257"/>
      <c r="BH66" s="1257"/>
      <c r="BI66" s="1257"/>
      <c r="BJ66" s="1257"/>
      <c r="BK66" s="1257"/>
      <c r="BL66" s="1257"/>
      <c r="BM66" s="1257"/>
      <c r="BN66" s="1257"/>
      <c r="BO66" s="1257"/>
      <c r="BP66" s="1257"/>
      <c r="BQ66" s="1257"/>
      <c r="BR66" s="1257"/>
      <c r="BS66" s="1257"/>
      <c r="BT66" s="1257"/>
      <c r="BU66" s="1257"/>
      <c r="BV66" s="1257"/>
      <c r="BW66" s="1257"/>
      <c r="BX66" s="1257"/>
      <c r="BY66" s="1257"/>
      <c r="BZ66" s="1257"/>
      <c r="CA66" s="1257"/>
      <c r="CB66" s="1257"/>
      <c r="CC66" s="1257"/>
      <c r="CD66" s="1257"/>
      <c r="CE66" s="1257"/>
      <c r="CF66" s="1257"/>
      <c r="CG66" s="1257"/>
      <c r="CH66" s="1257"/>
      <c r="CI66" s="1257"/>
      <c r="CJ66" s="1257"/>
      <c r="CK66" s="1257"/>
      <c r="CL66" s="1257"/>
      <c r="CM66" s="1257"/>
      <c r="CN66" s="1257"/>
      <c r="CO66" s="1257"/>
      <c r="CP66" s="1257"/>
      <c r="CQ66" s="1257"/>
      <c r="CR66" s="1257"/>
      <c r="CS66" s="1257"/>
      <c r="CT66" s="1257"/>
      <c r="CU66" s="1257"/>
      <c r="CV66" s="1257"/>
      <c r="CW66" s="1257"/>
      <c r="CX66" s="1257"/>
      <c r="CY66" s="1257"/>
      <c r="CZ66" s="1257"/>
      <c r="DA66" s="1257"/>
      <c r="DB66" s="1257"/>
      <c r="DC66" s="1258"/>
    </row>
    <row r="67" spans="2:107" ht="13" x14ac:dyDescent="0.2">
      <c r="B67" s="372"/>
      <c r="AN67" s="1256"/>
      <c r="AO67" s="1257"/>
      <c r="AP67" s="1257"/>
      <c r="AQ67" s="1257"/>
      <c r="AR67" s="1257"/>
      <c r="AS67" s="1257"/>
      <c r="AT67" s="1257"/>
      <c r="AU67" s="1257"/>
      <c r="AV67" s="1257"/>
      <c r="AW67" s="1257"/>
      <c r="AX67" s="1257"/>
      <c r="AY67" s="1257"/>
      <c r="AZ67" s="1257"/>
      <c r="BA67" s="1257"/>
      <c r="BB67" s="1257"/>
      <c r="BC67" s="1257"/>
      <c r="BD67" s="1257"/>
      <c r="BE67" s="1257"/>
      <c r="BF67" s="1257"/>
      <c r="BG67" s="1257"/>
      <c r="BH67" s="1257"/>
      <c r="BI67" s="1257"/>
      <c r="BJ67" s="1257"/>
      <c r="BK67" s="1257"/>
      <c r="BL67" s="1257"/>
      <c r="BM67" s="1257"/>
      <c r="BN67" s="1257"/>
      <c r="BO67" s="1257"/>
      <c r="BP67" s="1257"/>
      <c r="BQ67" s="1257"/>
      <c r="BR67" s="1257"/>
      <c r="BS67" s="1257"/>
      <c r="BT67" s="1257"/>
      <c r="BU67" s="1257"/>
      <c r="BV67" s="1257"/>
      <c r="BW67" s="1257"/>
      <c r="BX67" s="1257"/>
      <c r="BY67" s="1257"/>
      <c r="BZ67" s="1257"/>
      <c r="CA67" s="1257"/>
      <c r="CB67" s="1257"/>
      <c r="CC67" s="1257"/>
      <c r="CD67" s="1257"/>
      <c r="CE67" s="1257"/>
      <c r="CF67" s="1257"/>
      <c r="CG67" s="1257"/>
      <c r="CH67" s="1257"/>
      <c r="CI67" s="1257"/>
      <c r="CJ67" s="1257"/>
      <c r="CK67" s="1257"/>
      <c r="CL67" s="1257"/>
      <c r="CM67" s="1257"/>
      <c r="CN67" s="1257"/>
      <c r="CO67" s="1257"/>
      <c r="CP67" s="1257"/>
      <c r="CQ67" s="1257"/>
      <c r="CR67" s="1257"/>
      <c r="CS67" s="1257"/>
      <c r="CT67" s="1257"/>
      <c r="CU67" s="1257"/>
      <c r="CV67" s="1257"/>
      <c r="CW67" s="1257"/>
      <c r="CX67" s="1257"/>
      <c r="CY67" s="1257"/>
      <c r="CZ67" s="1257"/>
      <c r="DA67" s="1257"/>
      <c r="DB67" s="1257"/>
      <c r="DC67" s="1258"/>
    </row>
    <row r="68" spans="2:107" ht="13" x14ac:dyDescent="0.2">
      <c r="B68" s="372"/>
      <c r="AN68" s="1256"/>
      <c r="AO68" s="1257"/>
      <c r="AP68" s="1257"/>
      <c r="AQ68" s="1257"/>
      <c r="AR68" s="1257"/>
      <c r="AS68" s="1257"/>
      <c r="AT68" s="1257"/>
      <c r="AU68" s="1257"/>
      <c r="AV68" s="1257"/>
      <c r="AW68" s="1257"/>
      <c r="AX68" s="1257"/>
      <c r="AY68" s="1257"/>
      <c r="AZ68" s="1257"/>
      <c r="BA68" s="1257"/>
      <c r="BB68" s="1257"/>
      <c r="BC68" s="1257"/>
      <c r="BD68" s="1257"/>
      <c r="BE68" s="1257"/>
      <c r="BF68" s="1257"/>
      <c r="BG68" s="1257"/>
      <c r="BH68" s="1257"/>
      <c r="BI68" s="1257"/>
      <c r="BJ68" s="1257"/>
      <c r="BK68" s="1257"/>
      <c r="BL68" s="1257"/>
      <c r="BM68" s="1257"/>
      <c r="BN68" s="1257"/>
      <c r="BO68" s="1257"/>
      <c r="BP68" s="1257"/>
      <c r="BQ68" s="1257"/>
      <c r="BR68" s="1257"/>
      <c r="BS68" s="1257"/>
      <c r="BT68" s="1257"/>
      <c r="BU68" s="1257"/>
      <c r="BV68" s="1257"/>
      <c r="BW68" s="1257"/>
      <c r="BX68" s="1257"/>
      <c r="BY68" s="1257"/>
      <c r="BZ68" s="1257"/>
      <c r="CA68" s="1257"/>
      <c r="CB68" s="1257"/>
      <c r="CC68" s="1257"/>
      <c r="CD68" s="1257"/>
      <c r="CE68" s="1257"/>
      <c r="CF68" s="1257"/>
      <c r="CG68" s="1257"/>
      <c r="CH68" s="1257"/>
      <c r="CI68" s="1257"/>
      <c r="CJ68" s="1257"/>
      <c r="CK68" s="1257"/>
      <c r="CL68" s="1257"/>
      <c r="CM68" s="1257"/>
      <c r="CN68" s="1257"/>
      <c r="CO68" s="1257"/>
      <c r="CP68" s="1257"/>
      <c r="CQ68" s="1257"/>
      <c r="CR68" s="1257"/>
      <c r="CS68" s="1257"/>
      <c r="CT68" s="1257"/>
      <c r="CU68" s="1257"/>
      <c r="CV68" s="1257"/>
      <c r="CW68" s="1257"/>
      <c r="CX68" s="1257"/>
      <c r="CY68" s="1257"/>
      <c r="CZ68" s="1257"/>
      <c r="DA68" s="1257"/>
      <c r="DB68" s="1257"/>
      <c r="DC68" s="1258"/>
    </row>
    <row r="69" spans="2:107" ht="13" x14ac:dyDescent="0.2">
      <c r="B69" s="372"/>
      <c r="AN69" s="1259"/>
      <c r="AO69" s="1260"/>
      <c r="AP69" s="1260"/>
      <c r="AQ69" s="1260"/>
      <c r="AR69" s="1260"/>
      <c r="AS69" s="1260"/>
      <c r="AT69" s="1260"/>
      <c r="AU69" s="1260"/>
      <c r="AV69" s="1260"/>
      <c r="AW69" s="1260"/>
      <c r="AX69" s="1260"/>
      <c r="AY69" s="1260"/>
      <c r="AZ69" s="1260"/>
      <c r="BA69" s="1260"/>
      <c r="BB69" s="1260"/>
      <c r="BC69" s="1260"/>
      <c r="BD69" s="1260"/>
      <c r="BE69" s="1260"/>
      <c r="BF69" s="1260"/>
      <c r="BG69" s="1260"/>
      <c r="BH69" s="1260"/>
      <c r="BI69" s="1260"/>
      <c r="BJ69" s="1260"/>
      <c r="BK69" s="1260"/>
      <c r="BL69" s="1260"/>
      <c r="BM69" s="1260"/>
      <c r="BN69" s="1260"/>
      <c r="BO69" s="1260"/>
      <c r="BP69" s="1260"/>
      <c r="BQ69" s="1260"/>
      <c r="BR69" s="1260"/>
      <c r="BS69" s="1260"/>
      <c r="BT69" s="1260"/>
      <c r="BU69" s="1260"/>
      <c r="BV69" s="1260"/>
      <c r="BW69" s="1260"/>
      <c r="BX69" s="1260"/>
      <c r="BY69" s="1260"/>
      <c r="BZ69" s="1260"/>
      <c r="CA69" s="1260"/>
      <c r="CB69" s="1260"/>
      <c r="CC69" s="1260"/>
      <c r="CD69" s="1260"/>
      <c r="CE69" s="1260"/>
      <c r="CF69" s="1260"/>
      <c r="CG69" s="1260"/>
      <c r="CH69" s="1260"/>
      <c r="CI69" s="1260"/>
      <c r="CJ69" s="1260"/>
      <c r="CK69" s="1260"/>
      <c r="CL69" s="1260"/>
      <c r="CM69" s="1260"/>
      <c r="CN69" s="1260"/>
      <c r="CO69" s="1260"/>
      <c r="CP69" s="1260"/>
      <c r="CQ69" s="1260"/>
      <c r="CR69" s="1260"/>
      <c r="CS69" s="1260"/>
      <c r="CT69" s="1260"/>
      <c r="CU69" s="1260"/>
      <c r="CV69" s="1260"/>
      <c r="CW69" s="1260"/>
      <c r="CX69" s="1260"/>
      <c r="CY69" s="1260"/>
      <c r="CZ69" s="1260"/>
      <c r="DA69" s="1260"/>
      <c r="DB69" s="1260"/>
      <c r="DC69" s="1261"/>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91</v>
      </c>
    </row>
    <row r="72" spans="2:107" ht="13" x14ac:dyDescent="0.2">
      <c r="B72" s="372"/>
      <c r="G72" s="1262"/>
      <c r="H72" s="1262"/>
      <c r="I72" s="1262"/>
      <c r="J72" s="1262"/>
      <c r="K72" s="382"/>
      <c r="L72" s="382"/>
      <c r="M72" s="383"/>
      <c r="N72" s="383"/>
      <c r="AN72" s="1263"/>
      <c r="AO72" s="1264"/>
      <c r="AP72" s="1264"/>
      <c r="AQ72" s="1264"/>
      <c r="AR72" s="1264"/>
      <c r="AS72" s="1264"/>
      <c r="AT72" s="1264"/>
      <c r="AU72" s="1264"/>
      <c r="AV72" s="1264"/>
      <c r="AW72" s="1264"/>
      <c r="AX72" s="1264"/>
      <c r="AY72" s="1264"/>
      <c r="AZ72" s="1264"/>
      <c r="BA72" s="1264"/>
      <c r="BB72" s="1264"/>
      <c r="BC72" s="1264"/>
      <c r="BD72" s="1264"/>
      <c r="BE72" s="1264"/>
      <c r="BF72" s="1264"/>
      <c r="BG72" s="1264"/>
      <c r="BH72" s="1264"/>
      <c r="BI72" s="1264"/>
      <c r="BJ72" s="1264"/>
      <c r="BK72" s="1264"/>
      <c r="BL72" s="1264"/>
      <c r="BM72" s="1264"/>
      <c r="BN72" s="1264"/>
      <c r="BO72" s="1265"/>
      <c r="BP72" s="1266" t="s">
        <v>549</v>
      </c>
      <c r="BQ72" s="1266"/>
      <c r="BR72" s="1266"/>
      <c r="BS72" s="1266"/>
      <c r="BT72" s="1266"/>
      <c r="BU72" s="1266"/>
      <c r="BV72" s="1266"/>
      <c r="BW72" s="1266"/>
      <c r="BX72" s="1266" t="s">
        <v>550</v>
      </c>
      <c r="BY72" s="1266"/>
      <c r="BZ72" s="1266"/>
      <c r="CA72" s="1266"/>
      <c r="CB72" s="1266"/>
      <c r="CC72" s="1266"/>
      <c r="CD72" s="1266"/>
      <c r="CE72" s="1266"/>
      <c r="CF72" s="1266" t="s">
        <v>551</v>
      </c>
      <c r="CG72" s="1266"/>
      <c r="CH72" s="1266"/>
      <c r="CI72" s="1266"/>
      <c r="CJ72" s="1266"/>
      <c r="CK72" s="1266"/>
      <c r="CL72" s="1266"/>
      <c r="CM72" s="1266"/>
      <c r="CN72" s="1266" t="s">
        <v>552</v>
      </c>
      <c r="CO72" s="1266"/>
      <c r="CP72" s="1266"/>
      <c r="CQ72" s="1266"/>
      <c r="CR72" s="1266"/>
      <c r="CS72" s="1266"/>
      <c r="CT72" s="1266"/>
      <c r="CU72" s="1266"/>
      <c r="CV72" s="1266" t="s">
        <v>553</v>
      </c>
      <c r="CW72" s="1266"/>
      <c r="CX72" s="1266"/>
      <c r="CY72" s="1266"/>
      <c r="CZ72" s="1266"/>
      <c r="DA72" s="1266"/>
      <c r="DB72" s="1266"/>
      <c r="DC72" s="1266"/>
    </row>
    <row r="73" spans="2:107" ht="13" x14ac:dyDescent="0.2">
      <c r="B73" s="372"/>
      <c r="G73" s="1272"/>
      <c r="H73" s="1272"/>
      <c r="I73" s="1272"/>
      <c r="J73" s="1272"/>
      <c r="K73" s="1273"/>
      <c r="L73" s="1273"/>
      <c r="M73" s="1273"/>
      <c r="N73" s="1273"/>
      <c r="AM73" s="381"/>
      <c r="AN73" s="1269" t="s">
        <v>592</v>
      </c>
      <c r="AO73" s="1269"/>
      <c r="AP73" s="1269"/>
      <c r="AQ73" s="1269"/>
      <c r="AR73" s="1269"/>
      <c r="AS73" s="1269"/>
      <c r="AT73" s="1269"/>
      <c r="AU73" s="1269"/>
      <c r="AV73" s="1269"/>
      <c r="AW73" s="1269"/>
      <c r="AX73" s="1269"/>
      <c r="AY73" s="1269"/>
      <c r="AZ73" s="1269"/>
      <c r="BA73" s="1269"/>
      <c r="BB73" s="1269" t="s">
        <v>593</v>
      </c>
      <c r="BC73" s="1269"/>
      <c r="BD73" s="1269"/>
      <c r="BE73" s="1269"/>
      <c r="BF73" s="1269"/>
      <c r="BG73" s="1269"/>
      <c r="BH73" s="1269"/>
      <c r="BI73" s="1269"/>
      <c r="BJ73" s="1269"/>
      <c r="BK73" s="1269"/>
      <c r="BL73" s="1269"/>
      <c r="BM73" s="1269"/>
      <c r="BN73" s="1269"/>
      <c r="BO73" s="1269"/>
      <c r="BP73" s="1267">
        <v>61.7</v>
      </c>
      <c r="BQ73" s="1267"/>
      <c r="BR73" s="1267"/>
      <c r="BS73" s="1267"/>
      <c r="BT73" s="1267"/>
      <c r="BU73" s="1267"/>
      <c r="BV73" s="1267"/>
      <c r="BW73" s="1267"/>
      <c r="BX73" s="1267">
        <v>65.3</v>
      </c>
      <c r="BY73" s="1267"/>
      <c r="BZ73" s="1267"/>
      <c r="CA73" s="1267"/>
      <c r="CB73" s="1267"/>
      <c r="CC73" s="1267"/>
      <c r="CD73" s="1267"/>
      <c r="CE73" s="1267"/>
      <c r="CF73" s="1267">
        <v>49.2</v>
      </c>
      <c r="CG73" s="1267"/>
      <c r="CH73" s="1267"/>
      <c r="CI73" s="1267"/>
      <c r="CJ73" s="1267"/>
      <c r="CK73" s="1267"/>
      <c r="CL73" s="1267"/>
      <c r="CM73" s="1267"/>
      <c r="CN73" s="1267">
        <v>33.9</v>
      </c>
      <c r="CO73" s="1267"/>
      <c r="CP73" s="1267"/>
      <c r="CQ73" s="1267"/>
      <c r="CR73" s="1267"/>
      <c r="CS73" s="1267"/>
      <c r="CT73" s="1267"/>
      <c r="CU73" s="1267"/>
      <c r="CV73" s="1267">
        <v>16.3</v>
      </c>
      <c r="CW73" s="1267"/>
      <c r="CX73" s="1267"/>
      <c r="CY73" s="1267"/>
      <c r="CZ73" s="1267"/>
      <c r="DA73" s="1267"/>
      <c r="DB73" s="1267"/>
      <c r="DC73" s="1267"/>
    </row>
    <row r="74" spans="2:107" ht="13" x14ac:dyDescent="0.2">
      <c r="B74" s="372"/>
      <c r="G74" s="1272"/>
      <c r="H74" s="1272"/>
      <c r="I74" s="1272"/>
      <c r="J74" s="1272"/>
      <c r="K74" s="1273"/>
      <c r="L74" s="1273"/>
      <c r="M74" s="1273"/>
      <c r="N74" s="1273"/>
      <c r="AM74" s="381"/>
      <c r="AN74" s="1269"/>
      <c r="AO74" s="1269"/>
      <c r="AP74" s="1269"/>
      <c r="AQ74" s="1269"/>
      <c r="AR74" s="1269"/>
      <c r="AS74" s="1269"/>
      <c r="AT74" s="1269"/>
      <c r="AU74" s="1269"/>
      <c r="AV74" s="1269"/>
      <c r="AW74" s="1269"/>
      <c r="AX74" s="1269"/>
      <c r="AY74" s="1269"/>
      <c r="AZ74" s="1269"/>
      <c r="BA74" s="1269"/>
      <c r="BB74" s="1269"/>
      <c r="BC74" s="1269"/>
      <c r="BD74" s="1269"/>
      <c r="BE74" s="1269"/>
      <c r="BF74" s="1269"/>
      <c r="BG74" s="1269"/>
      <c r="BH74" s="1269"/>
      <c r="BI74" s="1269"/>
      <c r="BJ74" s="1269"/>
      <c r="BK74" s="1269"/>
      <c r="BL74" s="1269"/>
      <c r="BM74" s="1269"/>
      <c r="BN74" s="1269"/>
      <c r="BO74" s="1269"/>
      <c r="BP74" s="1267"/>
      <c r="BQ74" s="1267"/>
      <c r="BR74" s="1267"/>
      <c r="BS74" s="1267"/>
      <c r="BT74" s="1267"/>
      <c r="BU74" s="1267"/>
      <c r="BV74" s="1267"/>
      <c r="BW74" s="1267"/>
      <c r="BX74" s="1267"/>
      <c r="BY74" s="1267"/>
      <c r="BZ74" s="1267"/>
      <c r="CA74" s="1267"/>
      <c r="CB74" s="1267"/>
      <c r="CC74" s="1267"/>
      <c r="CD74" s="1267"/>
      <c r="CE74" s="1267"/>
      <c r="CF74" s="1267"/>
      <c r="CG74" s="1267"/>
      <c r="CH74" s="1267"/>
      <c r="CI74" s="1267"/>
      <c r="CJ74" s="1267"/>
      <c r="CK74" s="1267"/>
      <c r="CL74" s="1267"/>
      <c r="CM74" s="1267"/>
      <c r="CN74" s="1267"/>
      <c r="CO74" s="1267"/>
      <c r="CP74" s="1267"/>
      <c r="CQ74" s="1267"/>
      <c r="CR74" s="1267"/>
      <c r="CS74" s="1267"/>
      <c r="CT74" s="1267"/>
      <c r="CU74" s="1267"/>
      <c r="CV74" s="1267"/>
      <c r="CW74" s="1267"/>
      <c r="CX74" s="1267"/>
      <c r="CY74" s="1267"/>
      <c r="CZ74" s="1267"/>
      <c r="DA74" s="1267"/>
      <c r="DB74" s="1267"/>
      <c r="DC74" s="1267"/>
    </row>
    <row r="75" spans="2:107" ht="13" x14ac:dyDescent="0.2">
      <c r="B75" s="372"/>
      <c r="G75" s="1272"/>
      <c r="H75" s="1272"/>
      <c r="I75" s="1262"/>
      <c r="J75" s="1262"/>
      <c r="K75" s="1268"/>
      <c r="L75" s="1268"/>
      <c r="M75" s="1268"/>
      <c r="N75" s="1268"/>
      <c r="AM75" s="381"/>
      <c r="AN75" s="1269"/>
      <c r="AO75" s="1269"/>
      <c r="AP75" s="1269"/>
      <c r="AQ75" s="1269"/>
      <c r="AR75" s="1269"/>
      <c r="AS75" s="1269"/>
      <c r="AT75" s="1269"/>
      <c r="AU75" s="1269"/>
      <c r="AV75" s="1269"/>
      <c r="AW75" s="1269"/>
      <c r="AX75" s="1269"/>
      <c r="AY75" s="1269"/>
      <c r="AZ75" s="1269"/>
      <c r="BA75" s="1269"/>
      <c r="BB75" s="1269" t="s">
        <v>598</v>
      </c>
      <c r="BC75" s="1269"/>
      <c r="BD75" s="1269"/>
      <c r="BE75" s="1269"/>
      <c r="BF75" s="1269"/>
      <c r="BG75" s="1269"/>
      <c r="BH75" s="1269"/>
      <c r="BI75" s="1269"/>
      <c r="BJ75" s="1269"/>
      <c r="BK75" s="1269"/>
      <c r="BL75" s="1269"/>
      <c r="BM75" s="1269"/>
      <c r="BN75" s="1269"/>
      <c r="BO75" s="1269"/>
      <c r="BP75" s="1267">
        <v>5.6</v>
      </c>
      <c r="BQ75" s="1267"/>
      <c r="BR75" s="1267"/>
      <c r="BS75" s="1267"/>
      <c r="BT75" s="1267"/>
      <c r="BU75" s="1267"/>
      <c r="BV75" s="1267"/>
      <c r="BW75" s="1267"/>
      <c r="BX75" s="1267">
        <v>5.3</v>
      </c>
      <c r="BY75" s="1267"/>
      <c r="BZ75" s="1267"/>
      <c r="CA75" s="1267"/>
      <c r="CB75" s="1267"/>
      <c r="CC75" s="1267"/>
      <c r="CD75" s="1267"/>
      <c r="CE75" s="1267"/>
      <c r="CF75" s="1267">
        <v>5.5</v>
      </c>
      <c r="CG75" s="1267"/>
      <c r="CH75" s="1267"/>
      <c r="CI75" s="1267"/>
      <c r="CJ75" s="1267"/>
      <c r="CK75" s="1267"/>
      <c r="CL75" s="1267"/>
      <c r="CM75" s="1267"/>
      <c r="CN75" s="1267">
        <v>5.7</v>
      </c>
      <c r="CO75" s="1267"/>
      <c r="CP75" s="1267"/>
      <c r="CQ75" s="1267"/>
      <c r="CR75" s="1267"/>
      <c r="CS75" s="1267"/>
      <c r="CT75" s="1267"/>
      <c r="CU75" s="1267"/>
      <c r="CV75" s="1267">
        <v>6.1</v>
      </c>
      <c r="CW75" s="1267"/>
      <c r="CX75" s="1267"/>
      <c r="CY75" s="1267"/>
      <c r="CZ75" s="1267"/>
      <c r="DA75" s="1267"/>
      <c r="DB75" s="1267"/>
      <c r="DC75" s="1267"/>
    </row>
    <row r="76" spans="2:107" ht="13" x14ac:dyDescent="0.2">
      <c r="B76" s="372"/>
      <c r="G76" s="1272"/>
      <c r="H76" s="1272"/>
      <c r="I76" s="1262"/>
      <c r="J76" s="1262"/>
      <c r="K76" s="1268"/>
      <c r="L76" s="1268"/>
      <c r="M76" s="1268"/>
      <c r="N76" s="1268"/>
      <c r="AM76" s="381"/>
      <c r="AN76" s="1269"/>
      <c r="AO76" s="1269"/>
      <c r="AP76" s="1269"/>
      <c r="AQ76" s="1269"/>
      <c r="AR76" s="1269"/>
      <c r="AS76" s="1269"/>
      <c r="AT76" s="1269"/>
      <c r="AU76" s="1269"/>
      <c r="AV76" s="1269"/>
      <c r="AW76" s="1269"/>
      <c r="AX76" s="1269"/>
      <c r="AY76" s="1269"/>
      <c r="AZ76" s="1269"/>
      <c r="BA76" s="1269"/>
      <c r="BB76" s="1269"/>
      <c r="BC76" s="1269"/>
      <c r="BD76" s="1269"/>
      <c r="BE76" s="1269"/>
      <c r="BF76" s="1269"/>
      <c r="BG76" s="1269"/>
      <c r="BH76" s="1269"/>
      <c r="BI76" s="1269"/>
      <c r="BJ76" s="1269"/>
      <c r="BK76" s="1269"/>
      <c r="BL76" s="1269"/>
      <c r="BM76" s="1269"/>
      <c r="BN76" s="1269"/>
      <c r="BO76" s="1269"/>
      <c r="BP76" s="1267"/>
      <c r="BQ76" s="1267"/>
      <c r="BR76" s="1267"/>
      <c r="BS76" s="1267"/>
      <c r="BT76" s="1267"/>
      <c r="BU76" s="1267"/>
      <c r="BV76" s="1267"/>
      <c r="BW76" s="1267"/>
      <c r="BX76" s="1267"/>
      <c r="BY76" s="1267"/>
      <c r="BZ76" s="1267"/>
      <c r="CA76" s="1267"/>
      <c r="CB76" s="1267"/>
      <c r="CC76" s="1267"/>
      <c r="CD76" s="1267"/>
      <c r="CE76" s="1267"/>
      <c r="CF76" s="1267"/>
      <c r="CG76" s="1267"/>
      <c r="CH76" s="1267"/>
      <c r="CI76" s="1267"/>
      <c r="CJ76" s="1267"/>
      <c r="CK76" s="1267"/>
      <c r="CL76" s="1267"/>
      <c r="CM76" s="1267"/>
      <c r="CN76" s="1267"/>
      <c r="CO76" s="1267"/>
      <c r="CP76" s="1267"/>
      <c r="CQ76" s="1267"/>
      <c r="CR76" s="1267"/>
      <c r="CS76" s="1267"/>
      <c r="CT76" s="1267"/>
      <c r="CU76" s="1267"/>
      <c r="CV76" s="1267"/>
      <c r="CW76" s="1267"/>
      <c r="CX76" s="1267"/>
      <c r="CY76" s="1267"/>
      <c r="CZ76" s="1267"/>
      <c r="DA76" s="1267"/>
      <c r="DB76" s="1267"/>
      <c r="DC76" s="1267"/>
    </row>
    <row r="77" spans="2:107" ht="13" x14ac:dyDescent="0.2">
      <c r="B77" s="372"/>
      <c r="G77" s="1262"/>
      <c r="H77" s="1262"/>
      <c r="I77" s="1262"/>
      <c r="J77" s="1262"/>
      <c r="K77" s="1273"/>
      <c r="L77" s="1273"/>
      <c r="M77" s="1273"/>
      <c r="N77" s="1273"/>
      <c r="AN77" s="1266" t="s">
        <v>595</v>
      </c>
      <c r="AO77" s="1266"/>
      <c r="AP77" s="1266"/>
      <c r="AQ77" s="1266"/>
      <c r="AR77" s="1266"/>
      <c r="AS77" s="1266"/>
      <c r="AT77" s="1266"/>
      <c r="AU77" s="1266"/>
      <c r="AV77" s="1266"/>
      <c r="AW77" s="1266"/>
      <c r="AX77" s="1266"/>
      <c r="AY77" s="1266"/>
      <c r="AZ77" s="1266"/>
      <c r="BA77" s="1266"/>
      <c r="BB77" s="1269" t="s">
        <v>593</v>
      </c>
      <c r="BC77" s="1269"/>
      <c r="BD77" s="1269"/>
      <c r="BE77" s="1269"/>
      <c r="BF77" s="1269"/>
      <c r="BG77" s="1269"/>
      <c r="BH77" s="1269"/>
      <c r="BI77" s="1269"/>
      <c r="BJ77" s="1269"/>
      <c r="BK77" s="1269"/>
      <c r="BL77" s="1269"/>
      <c r="BM77" s="1269"/>
      <c r="BN77" s="1269"/>
      <c r="BO77" s="1269"/>
      <c r="BP77" s="1267">
        <v>0</v>
      </c>
      <c r="BQ77" s="1267"/>
      <c r="BR77" s="1267"/>
      <c r="BS77" s="1267"/>
      <c r="BT77" s="1267"/>
      <c r="BU77" s="1267"/>
      <c r="BV77" s="1267"/>
      <c r="BW77" s="1267"/>
      <c r="BX77" s="1267">
        <v>3.1</v>
      </c>
      <c r="BY77" s="1267"/>
      <c r="BZ77" s="1267"/>
      <c r="CA77" s="1267"/>
      <c r="CB77" s="1267"/>
      <c r="CC77" s="1267"/>
      <c r="CD77" s="1267"/>
      <c r="CE77" s="1267"/>
      <c r="CF77" s="1267">
        <v>13.7</v>
      </c>
      <c r="CG77" s="1267"/>
      <c r="CH77" s="1267"/>
      <c r="CI77" s="1267"/>
      <c r="CJ77" s="1267"/>
      <c r="CK77" s="1267"/>
      <c r="CL77" s="1267"/>
      <c r="CM77" s="1267"/>
      <c r="CN77" s="1267">
        <v>6.9</v>
      </c>
      <c r="CO77" s="1267"/>
      <c r="CP77" s="1267"/>
      <c r="CQ77" s="1267"/>
      <c r="CR77" s="1267"/>
      <c r="CS77" s="1267"/>
      <c r="CT77" s="1267"/>
      <c r="CU77" s="1267"/>
      <c r="CV77" s="1267">
        <v>0</v>
      </c>
      <c r="CW77" s="1267"/>
      <c r="CX77" s="1267"/>
      <c r="CY77" s="1267"/>
      <c r="CZ77" s="1267"/>
      <c r="DA77" s="1267"/>
      <c r="DB77" s="1267"/>
      <c r="DC77" s="1267"/>
    </row>
    <row r="78" spans="2:107" ht="13" x14ac:dyDescent="0.2">
      <c r="B78" s="372"/>
      <c r="G78" s="1262"/>
      <c r="H78" s="1262"/>
      <c r="I78" s="1262"/>
      <c r="J78" s="1262"/>
      <c r="K78" s="1273"/>
      <c r="L78" s="1273"/>
      <c r="M78" s="1273"/>
      <c r="N78" s="1273"/>
      <c r="AN78" s="1266"/>
      <c r="AO78" s="1266"/>
      <c r="AP78" s="1266"/>
      <c r="AQ78" s="1266"/>
      <c r="AR78" s="1266"/>
      <c r="AS78" s="1266"/>
      <c r="AT78" s="1266"/>
      <c r="AU78" s="1266"/>
      <c r="AV78" s="1266"/>
      <c r="AW78" s="1266"/>
      <c r="AX78" s="1266"/>
      <c r="AY78" s="1266"/>
      <c r="AZ78" s="1266"/>
      <c r="BA78" s="1266"/>
      <c r="BB78" s="1269"/>
      <c r="BC78" s="1269"/>
      <c r="BD78" s="1269"/>
      <c r="BE78" s="1269"/>
      <c r="BF78" s="1269"/>
      <c r="BG78" s="1269"/>
      <c r="BH78" s="1269"/>
      <c r="BI78" s="1269"/>
      <c r="BJ78" s="1269"/>
      <c r="BK78" s="1269"/>
      <c r="BL78" s="1269"/>
      <c r="BM78" s="1269"/>
      <c r="BN78" s="1269"/>
      <c r="BO78" s="1269"/>
      <c r="BP78" s="1267"/>
      <c r="BQ78" s="1267"/>
      <c r="BR78" s="1267"/>
      <c r="BS78" s="1267"/>
      <c r="BT78" s="1267"/>
      <c r="BU78" s="1267"/>
      <c r="BV78" s="1267"/>
      <c r="BW78" s="1267"/>
      <c r="BX78" s="1267"/>
      <c r="BY78" s="1267"/>
      <c r="BZ78" s="1267"/>
      <c r="CA78" s="1267"/>
      <c r="CB78" s="1267"/>
      <c r="CC78" s="1267"/>
      <c r="CD78" s="1267"/>
      <c r="CE78" s="1267"/>
      <c r="CF78" s="1267"/>
      <c r="CG78" s="1267"/>
      <c r="CH78" s="1267"/>
      <c r="CI78" s="1267"/>
      <c r="CJ78" s="1267"/>
      <c r="CK78" s="1267"/>
      <c r="CL78" s="1267"/>
      <c r="CM78" s="1267"/>
      <c r="CN78" s="1267"/>
      <c r="CO78" s="1267"/>
      <c r="CP78" s="1267"/>
      <c r="CQ78" s="1267"/>
      <c r="CR78" s="1267"/>
      <c r="CS78" s="1267"/>
      <c r="CT78" s="1267"/>
      <c r="CU78" s="1267"/>
      <c r="CV78" s="1267"/>
      <c r="CW78" s="1267"/>
      <c r="CX78" s="1267"/>
      <c r="CY78" s="1267"/>
      <c r="CZ78" s="1267"/>
      <c r="DA78" s="1267"/>
      <c r="DB78" s="1267"/>
      <c r="DC78" s="1267"/>
    </row>
    <row r="79" spans="2:107" ht="13" x14ac:dyDescent="0.2">
      <c r="B79" s="372"/>
      <c r="G79" s="1262"/>
      <c r="H79" s="1262"/>
      <c r="I79" s="1271"/>
      <c r="J79" s="1271"/>
      <c r="K79" s="1274"/>
      <c r="L79" s="1274"/>
      <c r="M79" s="1274"/>
      <c r="N79" s="1274"/>
      <c r="AN79" s="1266"/>
      <c r="AO79" s="1266"/>
      <c r="AP79" s="1266"/>
      <c r="AQ79" s="1266"/>
      <c r="AR79" s="1266"/>
      <c r="AS79" s="1266"/>
      <c r="AT79" s="1266"/>
      <c r="AU79" s="1266"/>
      <c r="AV79" s="1266"/>
      <c r="AW79" s="1266"/>
      <c r="AX79" s="1266"/>
      <c r="AY79" s="1266"/>
      <c r="AZ79" s="1266"/>
      <c r="BA79" s="1266"/>
      <c r="BB79" s="1269" t="s">
        <v>598</v>
      </c>
      <c r="BC79" s="1269"/>
      <c r="BD79" s="1269"/>
      <c r="BE79" s="1269"/>
      <c r="BF79" s="1269"/>
      <c r="BG79" s="1269"/>
      <c r="BH79" s="1269"/>
      <c r="BI79" s="1269"/>
      <c r="BJ79" s="1269"/>
      <c r="BK79" s="1269"/>
      <c r="BL79" s="1269"/>
      <c r="BM79" s="1269"/>
      <c r="BN79" s="1269"/>
      <c r="BO79" s="1269"/>
      <c r="BP79" s="1267">
        <v>7.8</v>
      </c>
      <c r="BQ79" s="1267"/>
      <c r="BR79" s="1267"/>
      <c r="BS79" s="1267"/>
      <c r="BT79" s="1267"/>
      <c r="BU79" s="1267"/>
      <c r="BV79" s="1267"/>
      <c r="BW79" s="1267"/>
      <c r="BX79" s="1267">
        <v>7.9</v>
      </c>
      <c r="BY79" s="1267"/>
      <c r="BZ79" s="1267"/>
      <c r="CA79" s="1267"/>
      <c r="CB79" s="1267"/>
      <c r="CC79" s="1267"/>
      <c r="CD79" s="1267"/>
      <c r="CE79" s="1267"/>
      <c r="CF79" s="1267">
        <v>7.9</v>
      </c>
      <c r="CG79" s="1267"/>
      <c r="CH79" s="1267"/>
      <c r="CI79" s="1267"/>
      <c r="CJ79" s="1267"/>
      <c r="CK79" s="1267"/>
      <c r="CL79" s="1267"/>
      <c r="CM79" s="1267"/>
      <c r="CN79" s="1267">
        <v>8</v>
      </c>
      <c r="CO79" s="1267"/>
      <c r="CP79" s="1267"/>
      <c r="CQ79" s="1267"/>
      <c r="CR79" s="1267"/>
      <c r="CS79" s="1267"/>
      <c r="CT79" s="1267"/>
      <c r="CU79" s="1267"/>
      <c r="CV79" s="1267">
        <v>8</v>
      </c>
      <c r="CW79" s="1267"/>
      <c r="CX79" s="1267"/>
      <c r="CY79" s="1267"/>
      <c r="CZ79" s="1267"/>
      <c r="DA79" s="1267"/>
      <c r="DB79" s="1267"/>
      <c r="DC79" s="1267"/>
    </row>
    <row r="80" spans="2:107" ht="13" x14ac:dyDescent="0.2">
      <c r="B80" s="372"/>
      <c r="G80" s="1262"/>
      <c r="H80" s="1262"/>
      <c r="I80" s="1271"/>
      <c r="J80" s="1271"/>
      <c r="K80" s="1274"/>
      <c r="L80" s="1274"/>
      <c r="M80" s="1274"/>
      <c r="N80" s="1274"/>
      <c r="AN80" s="1266"/>
      <c r="AO80" s="1266"/>
      <c r="AP80" s="1266"/>
      <c r="AQ80" s="1266"/>
      <c r="AR80" s="1266"/>
      <c r="AS80" s="1266"/>
      <c r="AT80" s="1266"/>
      <c r="AU80" s="1266"/>
      <c r="AV80" s="1266"/>
      <c r="AW80" s="1266"/>
      <c r="AX80" s="1266"/>
      <c r="AY80" s="1266"/>
      <c r="AZ80" s="1266"/>
      <c r="BA80" s="1266"/>
      <c r="BB80" s="1269"/>
      <c r="BC80" s="1269"/>
      <c r="BD80" s="1269"/>
      <c r="BE80" s="1269"/>
      <c r="BF80" s="1269"/>
      <c r="BG80" s="1269"/>
      <c r="BH80" s="1269"/>
      <c r="BI80" s="1269"/>
      <c r="BJ80" s="1269"/>
      <c r="BK80" s="1269"/>
      <c r="BL80" s="1269"/>
      <c r="BM80" s="1269"/>
      <c r="BN80" s="1269"/>
      <c r="BO80" s="1269"/>
      <c r="BP80" s="1267"/>
      <c r="BQ80" s="1267"/>
      <c r="BR80" s="1267"/>
      <c r="BS80" s="1267"/>
      <c r="BT80" s="1267"/>
      <c r="BU80" s="1267"/>
      <c r="BV80" s="1267"/>
      <c r="BW80" s="1267"/>
      <c r="BX80" s="1267"/>
      <c r="BY80" s="1267"/>
      <c r="BZ80" s="1267"/>
      <c r="CA80" s="1267"/>
      <c r="CB80" s="1267"/>
      <c r="CC80" s="1267"/>
      <c r="CD80" s="1267"/>
      <c r="CE80" s="1267"/>
      <c r="CF80" s="1267"/>
      <c r="CG80" s="1267"/>
      <c r="CH80" s="1267"/>
      <c r="CI80" s="1267"/>
      <c r="CJ80" s="1267"/>
      <c r="CK80" s="1267"/>
      <c r="CL80" s="1267"/>
      <c r="CM80" s="1267"/>
      <c r="CN80" s="1267"/>
      <c r="CO80" s="1267"/>
      <c r="CP80" s="1267"/>
      <c r="CQ80" s="1267"/>
      <c r="CR80" s="1267"/>
      <c r="CS80" s="1267"/>
      <c r="CT80" s="1267"/>
      <c r="CU80" s="1267"/>
      <c r="CV80" s="1267"/>
      <c r="CW80" s="1267"/>
      <c r="CX80" s="1267"/>
      <c r="CY80" s="1267"/>
      <c r="CZ80" s="1267"/>
      <c r="DA80" s="1267"/>
      <c r="DB80" s="1267"/>
      <c r="DC80" s="1267"/>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hh9llmr2w+u3A9QboUGvvEOmO61bLg2pMHgeoh3ilA8IstnMeXssFZ10PI7q0azej96BWUjxGYNn94VbGPnEgQ==" saltValue="BN0MsB9JOUuFYfQUd46Ay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8" scale="72"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6</v>
      </c>
    </row>
  </sheetData>
  <sheetProtection algorithmName="SHA-512" hashValue="Lg2Kkxrh6O9PhTMuItv42QsZsIvx+x2BoOYrO7wqJFFkqCq+AvIxuw6NbicAo0qVucNidyenY2PkV1XwRVF+KQ==" saltValue="Ius7uSWq2W7KRA5y+Ki0VQ==" spinCount="100000" sheet="1" objects="1" scenarios="1"/>
  <dataConsolidate/>
  <phoneticPr fontId="2"/>
  <printOptions horizontalCentered="1" verticalCentered="1"/>
  <pageMargins left="0" right="0" top="0.19685039370078741" bottom="0" header="0.39370078740157483" footer="0"/>
  <pageSetup paperSize="8" scale="51"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496</v>
      </c>
    </row>
  </sheetData>
  <sheetProtection algorithmName="SHA-512" hashValue="GMmh8LH4qpobn5CS4FmVe6mMW79rPxE6ydTwGKrfGeVpS3uvi7mVF5V4n2mt4+z+mF882xJMVCMK+U8KMzuCLg==" saltValue="x/iERcallMEJsmxY2DvpCA==" spinCount="100000" sheet="1" objects="1" scenarios="1"/>
  <dataConsolidate/>
  <phoneticPr fontId="2"/>
  <printOptions horizontalCentered="1" verticalCentered="1"/>
  <pageMargins left="0" right="0" top="0.19685039370078741" bottom="0" header="0.39370078740157483" footer="0"/>
  <pageSetup paperSize="8" scale="51"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3</v>
      </c>
      <c r="E2" s="149"/>
      <c r="F2" s="150" t="s">
        <v>546</v>
      </c>
      <c r="G2" s="151"/>
      <c r="H2" s="152"/>
    </row>
    <row r="3" spans="1:8" x14ac:dyDescent="0.2">
      <c r="A3" s="148" t="s">
        <v>539</v>
      </c>
      <c r="B3" s="153"/>
      <c r="C3" s="154"/>
      <c r="D3" s="155">
        <v>87056</v>
      </c>
      <c r="E3" s="156"/>
      <c r="F3" s="157">
        <v>88328</v>
      </c>
      <c r="G3" s="158"/>
      <c r="H3" s="159"/>
    </row>
    <row r="4" spans="1:8" x14ac:dyDescent="0.2">
      <c r="A4" s="160"/>
      <c r="B4" s="161"/>
      <c r="C4" s="162"/>
      <c r="D4" s="163">
        <v>13446</v>
      </c>
      <c r="E4" s="164"/>
      <c r="F4" s="165">
        <v>49013</v>
      </c>
      <c r="G4" s="166"/>
      <c r="H4" s="167"/>
    </row>
    <row r="5" spans="1:8" x14ac:dyDescent="0.2">
      <c r="A5" s="148" t="s">
        <v>541</v>
      </c>
      <c r="B5" s="153"/>
      <c r="C5" s="154"/>
      <c r="D5" s="155">
        <v>56834</v>
      </c>
      <c r="E5" s="156"/>
      <c r="F5" s="157">
        <v>103390</v>
      </c>
      <c r="G5" s="158"/>
      <c r="H5" s="159"/>
    </row>
    <row r="6" spans="1:8" x14ac:dyDescent="0.2">
      <c r="A6" s="160"/>
      <c r="B6" s="161"/>
      <c r="C6" s="162"/>
      <c r="D6" s="163">
        <v>30356</v>
      </c>
      <c r="E6" s="164"/>
      <c r="F6" s="165">
        <v>51269</v>
      </c>
      <c r="G6" s="166"/>
      <c r="H6" s="167"/>
    </row>
    <row r="7" spans="1:8" x14ac:dyDescent="0.2">
      <c r="A7" s="148" t="s">
        <v>542</v>
      </c>
      <c r="B7" s="153"/>
      <c r="C7" s="154"/>
      <c r="D7" s="155">
        <v>103749</v>
      </c>
      <c r="E7" s="156"/>
      <c r="F7" s="157">
        <v>117234</v>
      </c>
      <c r="G7" s="158"/>
      <c r="H7" s="159"/>
    </row>
    <row r="8" spans="1:8" x14ac:dyDescent="0.2">
      <c r="A8" s="160"/>
      <c r="B8" s="161"/>
      <c r="C8" s="162"/>
      <c r="D8" s="163">
        <v>29134</v>
      </c>
      <c r="E8" s="164"/>
      <c r="F8" s="165">
        <v>59796</v>
      </c>
      <c r="G8" s="166"/>
      <c r="H8" s="167"/>
    </row>
    <row r="9" spans="1:8" x14ac:dyDescent="0.2">
      <c r="A9" s="148" t="s">
        <v>543</v>
      </c>
      <c r="B9" s="153"/>
      <c r="C9" s="154"/>
      <c r="D9" s="155">
        <v>199599</v>
      </c>
      <c r="E9" s="156"/>
      <c r="F9" s="157">
        <v>97758</v>
      </c>
      <c r="G9" s="158"/>
      <c r="H9" s="159"/>
    </row>
    <row r="10" spans="1:8" x14ac:dyDescent="0.2">
      <c r="A10" s="160"/>
      <c r="B10" s="161"/>
      <c r="C10" s="162"/>
      <c r="D10" s="163">
        <v>6728</v>
      </c>
      <c r="E10" s="164"/>
      <c r="F10" s="165">
        <v>45946</v>
      </c>
      <c r="G10" s="166"/>
      <c r="H10" s="167"/>
    </row>
    <row r="11" spans="1:8" x14ac:dyDescent="0.2">
      <c r="A11" s="148" t="s">
        <v>544</v>
      </c>
      <c r="B11" s="153"/>
      <c r="C11" s="154"/>
      <c r="D11" s="155">
        <v>76521</v>
      </c>
      <c r="E11" s="156"/>
      <c r="F11" s="157">
        <v>91338</v>
      </c>
      <c r="G11" s="158"/>
      <c r="H11" s="159"/>
    </row>
    <row r="12" spans="1:8" x14ac:dyDescent="0.2">
      <c r="A12" s="160"/>
      <c r="B12" s="161"/>
      <c r="C12" s="168"/>
      <c r="D12" s="163">
        <v>14811</v>
      </c>
      <c r="E12" s="164"/>
      <c r="F12" s="165">
        <v>43989</v>
      </c>
      <c r="G12" s="166"/>
      <c r="H12" s="167"/>
    </row>
    <row r="13" spans="1:8" x14ac:dyDescent="0.2">
      <c r="A13" s="148"/>
      <c r="B13" s="153"/>
      <c r="C13" s="169"/>
      <c r="D13" s="170">
        <v>104752</v>
      </c>
      <c r="E13" s="171"/>
      <c r="F13" s="172">
        <v>99610</v>
      </c>
      <c r="G13" s="173"/>
      <c r="H13" s="159"/>
    </row>
    <row r="14" spans="1:8" x14ac:dyDescent="0.2">
      <c r="A14" s="160"/>
      <c r="B14" s="161"/>
      <c r="C14" s="162"/>
      <c r="D14" s="163">
        <v>18895</v>
      </c>
      <c r="E14" s="164"/>
      <c r="F14" s="165">
        <v>50003</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5.12</v>
      </c>
      <c r="C19" s="174">
        <f>ROUND(VALUE(SUBSTITUTE(実質収支比率等に係る経年分析!G$48,"▲","-")),2)</f>
        <v>7.2</v>
      </c>
      <c r="D19" s="174">
        <f>ROUND(VALUE(SUBSTITUTE(実質収支比率等に係る経年分析!H$48,"▲","-")),2)</f>
        <v>12.28</v>
      </c>
      <c r="E19" s="174">
        <f>ROUND(VALUE(SUBSTITUTE(実質収支比率等に係る経年分析!I$48,"▲","-")),2)</f>
        <v>15.44</v>
      </c>
      <c r="F19" s="174">
        <f>ROUND(VALUE(SUBSTITUTE(実質収支比率等に係る経年分析!J$48,"▲","-")),2)</f>
        <v>11.99</v>
      </c>
    </row>
    <row r="20" spans="1:11" x14ac:dyDescent="0.2">
      <c r="A20" s="174" t="s">
        <v>56</v>
      </c>
      <c r="B20" s="174">
        <f>ROUND(VALUE(SUBSTITUTE(実質収支比率等に係る経年分析!F$47,"▲","-")),2)</f>
        <v>12.21</v>
      </c>
      <c r="C20" s="174">
        <f>ROUND(VALUE(SUBSTITUTE(実質収支比率等に係る経年分析!G$47,"▲","-")),2)</f>
        <v>12.38</v>
      </c>
      <c r="D20" s="174">
        <f>ROUND(VALUE(SUBSTITUTE(実質収支比率等に係る経年分析!H$47,"▲","-")),2)</f>
        <v>24.49</v>
      </c>
      <c r="E20" s="174">
        <f>ROUND(VALUE(SUBSTITUTE(実質収支比率等に係る経年分析!I$47,"▲","-")),2)</f>
        <v>36.56</v>
      </c>
      <c r="F20" s="174">
        <f>ROUND(VALUE(SUBSTITUTE(実質収支比率等に係る経年分析!J$47,"▲","-")),2)</f>
        <v>46.56</v>
      </c>
    </row>
    <row r="21" spans="1:11" x14ac:dyDescent="0.2">
      <c r="A21" s="174" t="s">
        <v>57</v>
      </c>
      <c r="B21" s="174">
        <f>IF(ISNUMBER(VALUE(SUBSTITUTE(実質収支比率等に係る経年分析!F$49,"▲","-"))),ROUND(VALUE(SUBSTITUTE(実質収支比率等に係る経年分析!F$49,"▲","-")),2),NA())</f>
        <v>-4.9800000000000004</v>
      </c>
      <c r="C21" s="174">
        <f>IF(ISNUMBER(VALUE(SUBSTITUTE(実質収支比率等に係る経年分析!G$49,"▲","-"))),ROUND(VALUE(SUBSTITUTE(実質収支比率等に係る経年分析!G$49,"▲","-")),2),NA())</f>
        <v>2.0099999999999998</v>
      </c>
      <c r="D21" s="174">
        <f>IF(ISNUMBER(VALUE(SUBSTITUTE(実質収支比率等に係る経年分析!H$49,"▲","-"))),ROUND(VALUE(SUBSTITUTE(実質収支比率等に係る経年分析!H$49,"▲","-")),2),NA())</f>
        <v>18.22</v>
      </c>
      <c r="E21" s="174">
        <f>IF(ISNUMBER(VALUE(SUBSTITUTE(実質収支比率等に係る経年分析!I$49,"▲","-"))),ROUND(VALUE(SUBSTITUTE(実質収支比率等に係る経年分析!I$49,"▲","-")),2),NA())</f>
        <v>10.96</v>
      </c>
      <c r="F21" s="174">
        <f>IF(ISNUMBER(VALUE(SUBSTITUTE(実質収支比率等に係る経年分析!J$49,"▲","-"))),ROUND(VALUE(SUBSTITUTE(実質収支比率等に係る経年分析!J$49,"▲","-")),2),NA())</f>
        <v>-0.62</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寄簡易水道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16</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11</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26</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15</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06</v>
      </c>
    </row>
    <row r="30" spans="1:11" x14ac:dyDescent="0.2">
      <c r="A30" s="175" t="str">
        <f>IF(連結実質赤字比率に係る赤字・黒字の構成分析!C$40="",NA(),連結実質赤字比率に係る赤字・黒字の構成分析!C$40)</f>
        <v>国民健康保険診療所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45</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56000000000000005</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56999999999999995</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38</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17</v>
      </c>
    </row>
    <row r="31" spans="1:11" x14ac:dyDescent="0.2">
      <c r="A31" s="175" t="str">
        <f>IF(連結実質赤字比率に係る赤字・黒字の構成分析!C$39="",NA(),連結実質赤字比率に係る赤字・黒字の構成分析!C$39)</f>
        <v>下水道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51</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97</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49</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57999999999999996</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25</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5</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15</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6</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38</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34</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2.82</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2.56</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82</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38</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3.0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2.8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2200000000000002</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57</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65</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5.1100000000000003</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7.19</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2.28</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5.43</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1.98</v>
      </c>
    </row>
    <row r="36" spans="1:16" x14ac:dyDescent="0.2">
      <c r="A36" s="175" t="str">
        <f>IF(連結実質赤字比率に係る赤字・黒字の構成分析!C$34="",NA(),連結実質赤字比率に係る赤字・黒字の構成分析!C$34)</f>
        <v>上水道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4.51</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5.2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5.24</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4.59</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5.72</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355</v>
      </c>
      <c r="E42" s="176"/>
      <c r="F42" s="176"/>
      <c r="G42" s="176">
        <f>'実質公債費比率（分子）の構造'!L$52</f>
        <v>331</v>
      </c>
      <c r="H42" s="176"/>
      <c r="I42" s="176"/>
      <c r="J42" s="176">
        <f>'実質公債費比率（分子）の構造'!M$52</f>
        <v>329</v>
      </c>
      <c r="K42" s="176"/>
      <c r="L42" s="176"/>
      <c r="M42" s="176">
        <f>'実質公債費比率（分子）の構造'!N$52</f>
        <v>327</v>
      </c>
      <c r="N42" s="176"/>
      <c r="O42" s="176"/>
      <c r="P42" s="176">
        <f>'実質公債費比率（分子）の構造'!O$52</f>
        <v>335</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1</v>
      </c>
      <c r="C44" s="176"/>
      <c r="D44" s="176"/>
      <c r="E44" s="176">
        <f>'実質公債費比率（分子）の構造'!L$50</f>
        <v>4</v>
      </c>
      <c r="F44" s="176"/>
      <c r="G44" s="176"/>
      <c r="H44" s="176">
        <f>'実質公債費比率（分子）の構造'!M$50</f>
        <v>4</v>
      </c>
      <c r="I44" s="176"/>
      <c r="J44" s="176"/>
      <c r="K44" s="176">
        <f>'実質公債費比率（分子）の構造'!N$50</f>
        <v>4</v>
      </c>
      <c r="L44" s="176"/>
      <c r="M44" s="176"/>
      <c r="N44" s="176">
        <f>'実質公債費比率（分子）の構造'!O$50</f>
        <v>5</v>
      </c>
      <c r="O44" s="176"/>
      <c r="P44" s="176"/>
    </row>
    <row r="45" spans="1:16" x14ac:dyDescent="0.2">
      <c r="A45" s="176" t="s">
        <v>67</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8</v>
      </c>
      <c r="B46" s="176">
        <f>'実質公債費比率（分子）の構造'!K$48</f>
        <v>120</v>
      </c>
      <c r="C46" s="176"/>
      <c r="D46" s="176"/>
      <c r="E46" s="176">
        <f>'実質公債費比率（分子）の構造'!L$48</f>
        <v>111</v>
      </c>
      <c r="F46" s="176"/>
      <c r="G46" s="176"/>
      <c r="H46" s="176">
        <f>'実質公債費比率（分子）の構造'!M$48</f>
        <v>98</v>
      </c>
      <c r="I46" s="176"/>
      <c r="J46" s="176"/>
      <c r="K46" s="176">
        <f>'実質公債費比率（分子）の構造'!N$48</f>
        <v>94</v>
      </c>
      <c r="L46" s="176"/>
      <c r="M46" s="176"/>
      <c r="N46" s="176">
        <f>'実質公債費比率（分子）の構造'!O$48</f>
        <v>92</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368</v>
      </c>
      <c r="C49" s="176"/>
      <c r="D49" s="176"/>
      <c r="E49" s="176">
        <f>'実質公債費比率（分子）の構造'!L$45</f>
        <v>350</v>
      </c>
      <c r="F49" s="176"/>
      <c r="G49" s="176"/>
      <c r="H49" s="176">
        <f>'実質公債費比率（分子）の構造'!M$45</f>
        <v>388</v>
      </c>
      <c r="I49" s="176"/>
      <c r="J49" s="176"/>
      <c r="K49" s="176">
        <f>'実質公債費比率（分子）の構造'!N$45</f>
        <v>399</v>
      </c>
      <c r="L49" s="176"/>
      <c r="M49" s="176"/>
      <c r="N49" s="176">
        <f>'実質公債費比率（分子）の構造'!O$45</f>
        <v>429</v>
      </c>
      <c r="O49" s="176"/>
      <c r="P49" s="176"/>
    </row>
    <row r="50" spans="1:16" x14ac:dyDescent="0.2">
      <c r="A50" s="176" t="s">
        <v>72</v>
      </c>
      <c r="B50" s="176" t="e">
        <f>NA()</f>
        <v>#N/A</v>
      </c>
      <c r="C50" s="176">
        <f>IF(ISNUMBER('実質公債費比率（分子）の構造'!K$53),'実質公債費比率（分子）の構造'!K$53,NA())</f>
        <v>134</v>
      </c>
      <c r="D50" s="176" t="e">
        <f>NA()</f>
        <v>#N/A</v>
      </c>
      <c r="E50" s="176" t="e">
        <f>NA()</f>
        <v>#N/A</v>
      </c>
      <c r="F50" s="176">
        <f>IF(ISNUMBER('実質公債費比率（分子）の構造'!L$53),'実質公債費比率（分子）の構造'!L$53,NA())</f>
        <v>134</v>
      </c>
      <c r="G50" s="176" t="e">
        <f>NA()</f>
        <v>#N/A</v>
      </c>
      <c r="H50" s="176" t="e">
        <f>NA()</f>
        <v>#N/A</v>
      </c>
      <c r="I50" s="176">
        <f>IF(ISNUMBER('実質公債費比率（分子）の構造'!M$53),'実質公債費比率（分子）の構造'!M$53,NA())</f>
        <v>161</v>
      </c>
      <c r="J50" s="176" t="e">
        <f>NA()</f>
        <v>#N/A</v>
      </c>
      <c r="K50" s="176" t="e">
        <f>NA()</f>
        <v>#N/A</v>
      </c>
      <c r="L50" s="176">
        <f>IF(ISNUMBER('実質公債費比率（分子）の構造'!N$53),'実質公債費比率（分子）の構造'!N$53,NA())</f>
        <v>170</v>
      </c>
      <c r="M50" s="176" t="e">
        <f>NA()</f>
        <v>#N/A</v>
      </c>
      <c r="N50" s="176" t="e">
        <f>NA()</f>
        <v>#N/A</v>
      </c>
      <c r="O50" s="176">
        <f>IF(ISNUMBER('実質公債費比率（分子）の構造'!O$53),'実質公債費比率（分子）の構造'!O$53,NA())</f>
        <v>191</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3873</v>
      </c>
      <c r="E56" s="175"/>
      <c r="F56" s="175"/>
      <c r="G56" s="175">
        <f>'将来負担比率（分子）の構造'!J$52</f>
        <v>3848</v>
      </c>
      <c r="H56" s="175"/>
      <c r="I56" s="175"/>
      <c r="J56" s="175">
        <f>'将来負担比率（分子）の構造'!K$52</f>
        <v>3968</v>
      </c>
      <c r="K56" s="175"/>
      <c r="L56" s="175"/>
      <c r="M56" s="175">
        <f>'将来負担比率（分子）の構造'!L$52</f>
        <v>4373</v>
      </c>
      <c r="N56" s="175"/>
      <c r="O56" s="175"/>
      <c r="P56" s="175">
        <f>'将来負担比率（分子）の構造'!M$52</f>
        <v>4341</v>
      </c>
    </row>
    <row r="57" spans="1:16" x14ac:dyDescent="0.2">
      <c r="A57" s="175" t="s">
        <v>43</v>
      </c>
      <c r="B57" s="175"/>
      <c r="C57" s="175"/>
      <c r="D57" s="175" t="str">
        <f>'将来負担比率（分子）の構造'!I$51</f>
        <v>-</v>
      </c>
      <c r="E57" s="175"/>
      <c r="F57" s="175"/>
      <c r="G57" s="175" t="str">
        <f>'将来負担比率（分子）の構造'!J$51</f>
        <v>-</v>
      </c>
      <c r="H57" s="175"/>
      <c r="I57" s="175"/>
      <c r="J57" s="175" t="str">
        <f>'将来負担比率（分子）の構造'!K$51</f>
        <v>-</v>
      </c>
      <c r="K57" s="175"/>
      <c r="L57" s="175"/>
      <c r="M57" s="175" t="str">
        <f>'将来負担比率（分子）の構造'!L$51</f>
        <v>-</v>
      </c>
      <c r="N57" s="175"/>
      <c r="O57" s="175"/>
      <c r="P57" s="175" t="str">
        <f>'将来負担比率（分子）の構造'!M$51</f>
        <v>-</v>
      </c>
    </row>
    <row r="58" spans="1:16" x14ac:dyDescent="0.2">
      <c r="A58" s="175" t="s">
        <v>42</v>
      </c>
      <c r="B58" s="175"/>
      <c r="C58" s="175"/>
      <c r="D58" s="175">
        <f>'将来負担比率（分子）の構造'!I$50</f>
        <v>993</v>
      </c>
      <c r="E58" s="175"/>
      <c r="F58" s="175"/>
      <c r="G58" s="175">
        <f>'将来負担比率（分子）の構造'!J$50</f>
        <v>1044</v>
      </c>
      <c r="H58" s="175"/>
      <c r="I58" s="175"/>
      <c r="J58" s="175">
        <f>'将来負担比率（分子）の構造'!K$50</f>
        <v>1518</v>
      </c>
      <c r="K58" s="175"/>
      <c r="L58" s="175"/>
      <c r="M58" s="175">
        <f>'将来負担比率（分子）の構造'!L$50</f>
        <v>2140</v>
      </c>
      <c r="N58" s="175"/>
      <c r="O58" s="175"/>
      <c r="P58" s="175">
        <f>'将来負担比率（分子）の構造'!M$50</f>
        <v>2561</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1012</v>
      </c>
      <c r="C62" s="175"/>
      <c r="D62" s="175"/>
      <c r="E62" s="175">
        <f>'将来負担比率（分子）の構造'!J$45</f>
        <v>1064</v>
      </c>
      <c r="F62" s="175"/>
      <c r="G62" s="175"/>
      <c r="H62" s="175">
        <f>'将来負担比率（分子）の構造'!K$45</f>
        <v>974</v>
      </c>
      <c r="I62" s="175"/>
      <c r="J62" s="175"/>
      <c r="K62" s="175">
        <f>'将来負担比率（分子）の構造'!L$45</f>
        <v>893</v>
      </c>
      <c r="L62" s="175"/>
      <c r="M62" s="175"/>
      <c r="N62" s="175">
        <f>'将来負担比率（分子）の構造'!M$45</f>
        <v>856</v>
      </c>
      <c r="O62" s="175"/>
      <c r="P62" s="175"/>
    </row>
    <row r="63" spans="1:16" x14ac:dyDescent="0.2">
      <c r="A63" s="175" t="s">
        <v>35</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4</v>
      </c>
      <c r="B64" s="175">
        <f>'将来負担比率（分子）の構造'!I$43</f>
        <v>1002</v>
      </c>
      <c r="C64" s="175"/>
      <c r="D64" s="175"/>
      <c r="E64" s="175">
        <f>'将来負担比率（分子）の構造'!J$43</f>
        <v>889</v>
      </c>
      <c r="F64" s="175"/>
      <c r="G64" s="175"/>
      <c r="H64" s="175">
        <f>'将来負担比率（分子）の構造'!K$43</f>
        <v>916</v>
      </c>
      <c r="I64" s="175"/>
      <c r="J64" s="175"/>
      <c r="K64" s="175">
        <f>'将来負担比率（分子）の構造'!L$43</f>
        <v>859</v>
      </c>
      <c r="L64" s="175"/>
      <c r="M64" s="175"/>
      <c r="N64" s="175">
        <f>'将来負担比率（分子）の構造'!M$43</f>
        <v>785</v>
      </c>
      <c r="O64" s="175"/>
      <c r="P64" s="175"/>
    </row>
    <row r="65" spans="1:16" x14ac:dyDescent="0.2">
      <c r="A65" s="175" t="s">
        <v>33</v>
      </c>
      <c r="B65" s="175">
        <f>'将来負担比率（分子）の構造'!I$42</f>
        <v>144</v>
      </c>
      <c r="C65" s="175"/>
      <c r="D65" s="175"/>
      <c r="E65" s="175">
        <f>'将来負担比率（分子）の構造'!J$42</f>
        <v>139</v>
      </c>
      <c r="F65" s="175"/>
      <c r="G65" s="175"/>
      <c r="H65" s="175">
        <f>'将来負担比率（分子）の構造'!K$42</f>
        <v>135</v>
      </c>
      <c r="I65" s="175"/>
      <c r="J65" s="175"/>
      <c r="K65" s="175">
        <f>'将来負担比率（分子）の構造'!L$42</f>
        <v>131</v>
      </c>
      <c r="L65" s="175"/>
      <c r="M65" s="175"/>
      <c r="N65" s="175">
        <f>'将来負担比率（分子）の構造'!M$42</f>
        <v>126</v>
      </c>
      <c r="O65" s="175"/>
      <c r="P65" s="175"/>
    </row>
    <row r="66" spans="1:16" x14ac:dyDescent="0.2">
      <c r="A66" s="175" t="s">
        <v>32</v>
      </c>
      <c r="B66" s="175">
        <f>'将来負担比率（分子）の構造'!I$41</f>
        <v>4285</v>
      </c>
      <c r="C66" s="175"/>
      <c r="D66" s="175"/>
      <c r="E66" s="175">
        <f>'将来負担比率（分子）の構造'!J$41</f>
        <v>4456</v>
      </c>
      <c r="F66" s="175"/>
      <c r="G66" s="175"/>
      <c r="H66" s="175">
        <f>'将来負担比率（分子）の構造'!K$41</f>
        <v>4790</v>
      </c>
      <c r="I66" s="175"/>
      <c r="J66" s="175"/>
      <c r="K66" s="175">
        <f>'将来負担比率（分子）の構造'!L$41</f>
        <v>5631</v>
      </c>
      <c r="L66" s="175"/>
      <c r="M66" s="175"/>
      <c r="N66" s="175">
        <f>'将来負担比率（分子）の構造'!M$41</f>
        <v>5604</v>
      </c>
      <c r="O66" s="175"/>
      <c r="P66" s="175"/>
    </row>
    <row r="67" spans="1:16" x14ac:dyDescent="0.2">
      <c r="A67" s="175" t="s">
        <v>76</v>
      </c>
      <c r="B67" s="175" t="e">
        <f>NA()</f>
        <v>#N/A</v>
      </c>
      <c r="C67" s="175">
        <f>IF(ISNUMBER('将来負担比率（分子）の構造'!I$53), IF('将来負担比率（分子）の構造'!I$53 &lt; 0, 0, '将来負担比率（分子）の構造'!I$53), NA())</f>
        <v>1577</v>
      </c>
      <c r="D67" s="175" t="e">
        <f>NA()</f>
        <v>#N/A</v>
      </c>
      <c r="E67" s="175" t="e">
        <f>NA()</f>
        <v>#N/A</v>
      </c>
      <c r="F67" s="175">
        <f>IF(ISNUMBER('将来負担比率（分子）の構造'!J$53), IF('将来負担比率（分子）の構造'!J$53 &lt; 0, 0, '将来負担比率（分子）の構造'!J$53), NA())</f>
        <v>1656</v>
      </c>
      <c r="G67" s="175" t="e">
        <f>NA()</f>
        <v>#N/A</v>
      </c>
      <c r="H67" s="175" t="e">
        <f>NA()</f>
        <v>#N/A</v>
      </c>
      <c r="I67" s="175">
        <f>IF(ISNUMBER('将来負担比率（分子）の構造'!K$53), IF('将来負担比率（分子）の構造'!K$53 &lt; 0, 0, '将来負担比率（分子）の構造'!K$53), NA())</f>
        <v>1329</v>
      </c>
      <c r="J67" s="175" t="e">
        <f>NA()</f>
        <v>#N/A</v>
      </c>
      <c r="K67" s="175" t="e">
        <f>NA()</f>
        <v>#N/A</v>
      </c>
      <c r="L67" s="175">
        <f>IF(ISNUMBER('将来負担比率（分子）の構造'!L$53), IF('将来負担比率（分子）の構造'!L$53 &lt; 0, 0, '将来負担比率（分子）の構造'!L$53), NA())</f>
        <v>1001</v>
      </c>
      <c r="M67" s="175" t="e">
        <f>NA()</f>
        <v>#N/A</v>
      </c>
      <c r="N67" s="175" t="e">
        <f>NA()</f>
        <v>#N/A</v>
      </c>
      <c r="O67" s="175">
        <f>IF(ISNUMBER('将来負担比率（分子）の構造'!M$53), IF('将来負担比率（分子）の構造'!M$53 &lt; 0, 0, '将来負担比率（分子）の構造'!M$53), NA())</f>
        <v>469</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741</v>
      </c>
      <c r="C72" s="179">
        <f>基金残高に係る経年分析!G55</f>
        <v>1196</v>
      </c>
      <c r="D72" s="179">
        <f>基金残高に係る経年分析!H55</f>
        <v>1496</v>
      </c>
    </row>
    <row r="73" spans="1:16" x14ac:dyDescent="0.2">
      <c r="A73" s="178" t="s">
        <v>79</v>
      </c>
      <c r="B73" s="179">
        <f>基金残高に係る経年分析!F56</f>
        <v>1</v>
      </c>
      <c r="C73" s="179">
        <f>基金残高に係る経年分析!G56</f>
        <v>1</v>
      </c>
      <c r="D73" s="179">
        <f>基金残高に係る経年分析!H56</f>
        <v>1</v>
      </c>
    </row>
    <row r="74" spans="1:16" x14ac:dyDescent="0.2">
      <c r="A74" s="178" t="s">
        <v>80</v>
      </c>
      <c r="B74" s="179">
        <f>基金残高に係る経年分析!F57</f>
        <v>290</v>
      </c>
      <c r="C74" s="179">
        <f>基金残高に係る経年分析!G57</f>
        <v>397</v>
      </c>
      <c r="D74" s="179">
        <f>基金残高に係る経年分析!H57</f>
        <v>498</v>
      </c>
    </row>
  </sheetData>
  <sheetProtection algorithmName="SHA-512" hashValue="pP6sXZlpJ3xaSRQnH1mBDmqyJzV0y+xGXocwnKfOohrpYnVDqNoYBuO85oBka5pi2flVs0l9BDUnCb3yM4cBcQ==" saltValue="aiYu6BaWAdYMq26W4Z/8C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3</v>
      </c>
      <c r="DI1" s="639"/>
      <c r="DJ1" s="639"/>
      <c r="DK1" s="639"/>
      <c r="DL1" s="639"/>
      <c r="DM1" s="639"/>
      <c r="DN1" s="640"/>
      <c r="DO1" s="214"/>
      <c r="DP1" s="638" t="s">
        <v>214</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1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16</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17</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18</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19</v>
      </c>
      <c r="S4" s="642"/>
      <c r="T4" s="642"/>
      <c r="U4" s="642"/>
      <c r="V4" s="642"/>
      <c r="W4" s="642"/>
      <c r="X4" s="642"/>
      <c r="Y4" s="643"/>
      <c r="Z4" s="641" t="s">
        <v>220</v>
      </c>
      <c r="AA4" s="642"/>
      <c r="AB4" s="642"/>
      <c r="AC4" s="643"/>
      <c r="AD4" s="641" t="s">
        <v>221</v>
      </c>
      <c r="AE4" s="642"/>
      <c r="AF4" s="642"/>
      <c r="AG4" s="642"/>
      <c r="AH4" s="642"/>
      <c r="AI4" s="642"/>
      <c r="AJ4" s="642"/>
      <c r="AK4" s="643"/>
      <c r="AL4" s="641" t="s">
        <v>220</v>
      </c>
      <c r="AM4" s="642"/>
      <c r="AN4" s="642"/>
      <c r="AO4" s="643"/>
      <c r="AP4" s="644" t="s">
        <v>222</v>
      </c>
      <c r="AQ4" s="644"/>
      <c r="AR4" s="644"/>
      <c r="AS4" s="644"/>
      <c r="AT4" s="644"/>
      <c r="AU4" s="644"/>
      <c r="AV4" s="644"/>
      <c r="AW4" s="644"/>
      <c r="AX4" s="644"/>
      <c r="AY4" s="644"/>
      <c r="AZ4" s="644"/>
      <c r="BA4" s="644"/>
      <c r="BB4" s="644"/>
      <c r="BC4" s="644"/>
      <c r="BD4" s="644"/>
      <c r="BE4" s="644"/>
      <c r="BF4" s="644"/>
      <c r="BG4" s="644" t="s">
        <v>223</v>
      </c>
      <c r="BH4" s="644"/>
      <c r="BI4" s="644"/>
      <c r="BJ4" s="644"/>
      <c r="BK4" s="644"/>
      <c r="BL4" s="644"/>
      <c r="BM4" s="644"/>
      <c r="BN4" s="644"/>
      <c r="BO4" s="644" t="s">
        <v>220</v>
      </c>
      <c r="BP4" s="644"/>
      <c r="BQ4" s="644"/>
      <c r="BR4" s="644"/>
      <c r="BS4" s="644" t="s">
        <v>224</v>
      </c>
      <c r="BT4" s="644"/>
      <c r="BU4" s="644"/>
      <c r="BV4" s="644"/>
      <c r="BW4" s="644"/>
      <c r="BX4" s="644"/>
      <c r="BY4" s="644"/>
      <c r="BZ4" s="644"/>
      <c r="CA4" s="644"/>
      <c r="CB4" s="644"/>
      <c r="CD4" s="641" t="s">
        <v>225</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26</v>
      </c>
      <c r="C5" s="646"/>
      <c r="D5" s="646"/>
      <c r="E5" s="646"/>
      <c r="F5" s="646"/>
      <c r="G5" s="646"/>
      <c r="H5" s="646"/>
      <c r="I5" s="646"/>
      <c r="J5" s="646"/>
      <c r="K5" s="646"/>
      <c r="L5" s="646"/>
      <c r="M5" s="646"/>
      <c r="N5" s="646"/>
      <c r="O5" s="646"/>
      <c r="P5" s="646"/>
      <c r="Q5" s="647"/>
      <c r="R5" s="648">
        <v>1543471</v>
      </c>
      <c r="S5" s="649"/>
      <c r="T5" s="649"/>
      <c r="U5" s="649"/>
      <c r="V5" s="649"/>
      <c r="W5" s="649"/>
      <c r="X5" s="649"/>
      <c r="Y5" s="650"/>
      <c r="Z5" s="651">
        <v>26.9</v>
      </c>
      <c r="AA5" s="651"/>
      <c r="AB5" s="651"/>
      <c r="AC5" s="651"/>
      <c r="AD5" s="652">
        <v>1543471</v>
      </c>
      <c r="AE5" s="652"/>
      <c r="AF5" s="652"/>
      <c r="AG5" s="652"/>
      <c r="AH5" s="652"/>
      <c r="AI5" s="652"/>
      <c r="AJ5" s="652"/>
      <c r="AK5" s="652"/>
      <c r="AL5" s="653">
        <v>48.1</v>
      </c>
      <c r="AM5" s="654"/>
      <c r="AN5" s="654"/>
      <c r="AO5" s="655"/>
      <c r="AP5" s="645" t="s">
        <v>227</v>
      </c>
      <c r="AQ5" s="646"/>
      <c r="AR5" s="646"/>
      <c r="AS5" s="646"/>
      <c r="AT5" s="646"/>
      <c r="AU5" s="646"/>
      <c r="AV5" s="646"/>
      <c r="AW5" s="646"/>
      <c r="AX5" s="646"/>
      <c r="AY5" s="646"/>
      <c r="AZ5" s="646"/>
      <c r="BA5" s="646"/>
      <c r="BB5" s="646"/>
      <c r="BC5" s="646"/>
      <c r="BD5" s="646"/>
      <c r="BE5" s="646"/>
      <c r="BF5" s="647"/>
      <c r="BG5" s="659">
        <v>1543471</v>
      </c>
      <c r="BH5" s="660"/>
      <c r="BI5" s="660"/>
      <c r="BJ5" s="660"/>
      <c r="BK5" s="660"/>
      <c r="BL5" s="660"/>
      <c r="BM5" s="660"/>
      <c r="BN5" s="661"/>
      <c r="BO5" s="662">
        <v>100</v>
      </c>
      <c r="BP5" s="662"/>
      <c r="BQ5" s="662"/>
      <c r="BR5" s="662"/>
      <c r="BS5" s="663" t="s">
        <v>129</v>
      </c>
      <c r="BT5" s="663"/>
      <c r="BU5" s="663"/>
      <c r="BV5" s="663"/>
      <c r="BW5" s="663"/>
      <c r="BX5" s="663"/>
      <c r="BY5" s="663"/>
      <c r="BZ5" s="663"/>
      <c r="CA5" s="663"/>
      <c r="CB5" s="667"/>
      <c r="CD5" s="641" t="s">
        <v>222</v>
      </c>
      <c r="CE5" s="642"/>
      <c r="CF5" s="642"/>
      <c r="CG5" s="642"/>
      <c r="CH5" s="642"/>
      <c r="CI5" s="642"/>
      <c r="CJ5" s="642"/>
      <c r="CK5" s="642"/>
      <c r="CL5" s="642"/>
      <c r="CM5" s="642"/>
      <c r="CN5" s="642"/>
      <c r="CO5" s="642"/>
      <c r="CP5" s="642"/>
      <c r="CQ5" s="643"/>
      <c r="CR5" s="641" t="s">
        <v>228</v>
      </c>
      <c r="CS5" s="642"/>
      <c r="CT5" s="642"/>
      <c r="CU5" s="642"/>
      <c r="CV5" s="642"/>
      <c r="CW5" s="642"/>
      <c r="CX5" s="642"/>
      <c r="CY5" s="643"/>
      <c r="CZ5" s="641" t="s">
        <v>220</v>
      </c>
      <c r="DA5" s="642"/>
      <c r="DB5" s="642"/>
      <c r="DC5" s="643"/>
      <c r="DD5" s="641" t="s">
        <v>229</v>
      </c>
      <c r="DE5" s="642"/>
      <c r="DF5" s="642"/>
      <c r="DG5" s="642"/>
      <c r="DH5" s="642"/>
      <c r="DI5" s="642"/>
      <c r="DJ5" s="642"/>
      <c r="DK5" s="642"/>
      <c r="DL5" s="642"/>
      <c r="DM5" s="642"/>
      <c r="DN5" s="642"/>
      <c r="DO5" s="642"/>
      <c r="DP5" s="643"/>
      <c r="DQ5" s="641" t="s">
        <v>230</v>
      </c>
      <c r="DR5" s="642"/>
      <c r="DS5" s="642"/>
      <c r="DT5" s="642"/>
      <c r="DU5" s="642"/>
      <c r="DV5" s="642"/>
      <c r="DW5" s="642"/>
      <c r="DX5" s="642"/>
      <c r="DY5" s="642"/>
      <c r="DZ5" s="642"/>
      <c r="EA5" s="642"/>
      <c r="EB5" s="642"/>
      <c r="EC5" s="643"/>
    </row>
    <row r="6" spans="2:143" ht="11.25" customHeight="1" x14ac:dyDescent="0.2">
      <c r="B6" s="656" t="s">
        <v>231</v>
      </c>
      <c r="C6" s="657"/>
      <c r="D6" s="657"/>
      <c r="E6" s="657"/>
      <c r="F6" s="657"/>
      <c r="G6" s="657"/>
      <c r="H6" s="657"/>
      <c r="I6" s="657"/>
      <c r="J6" s="657"/>
      <c r="K6" s="657"/>
      <c r="L6" s="657"/>
      <c r="M6" s="657"/>
      <c r="N6" s="657"/>
      <c r="O6" s="657"/>
      <c r="P6" s="657"/>
      <c r="Q6" s="658"/>
      <c r="R6" s="659">
        <v>31517</v>
      </c>
      <c r="S6" s="660"/>
      <c r="T6" s="660"/>
      <c r="U6" s="660"/>
      <c r="V6" s="660"/>
      <c r="W6" s="660"/>
      <c r="X6" s="660"/>
      <c r="Y6" s="661"/>
      <c r="Z6" s="662">
        <v>0.5</v>
      </c>
      <c r="AA6" s="662"/>
      <c r="AB6" s="662"/>
      <c r="AC6" s="662"/>
      <c r="AD6" s="663">
        <v>31517</v>
      </c>
      <c r="AE6" s="663"/>
      <c r="AF6" s="663"/>
      <c r="AG6" s="663"/>
      <c r="AH6" s="663"/>
      <c r="AI6" s="663"/>
      <c r="AJ6" s="663"/>
      <c r="AK6" s="663"/>
      <c r="AL6" s="664">
        <v>1</v>
      </c>
      <c r="AM6" s="665"/>
      <c r="AN6" s="665"/>
      <c r="AO6" s="666"/>
      <c r="AP6" s="656" t="s">
        <v>232</v>
      </c>
      <c r="AQ6" s="657"/>
      <c r="AR6" s="657"/>
      <c r="AS6" s="657"/>
      <c r="AT6" s="657"/>
      <c r="AU6" s="657"/>
      <c r="AV6" s="657"/>
      <c r="AW6" s="657"/>
      <c r="AX6" s="657"/>
      <c r="AY6" s="657"/>
      <c r="AZ6" s="657"/>
      <c r="BA6" s="657"/>
      <c r="BB6" s="657"/>
      <c r="BC6" s="657"/>
      <c r="BD6" s="657"/>
      <c r="BE6" s="657"/>
      <c r="BF6" s="658"/>
      <c r="BG6" s="659">
        <v>1543471</v>
      </c>
      <c r="BH6" s="660"/>
      <c r="BI6" s="660"/>
      <c r="BJ6" s="660"/>
      <c r="BK6" s="660"/>
      <c r="BL6" s="660"/>
      <c r="BM6" s="660"/>
      <c r="BN6" s="661"/>
      <c r="BO6" s="662">
        <v>100</v>
      </c>
      <c r="BP6" s="662"/>
      <c r="BQ6" s="662"/>
      <c r="BR6" s="662"/>
      <c r="BS6" s="663" t="s">
        <v>233</v>
      </c>
      <c r="BT6" s="663"/>
      <c r="BU6" s="663"/>
      <c r="BV6" s="663"/>
      <c r="BW6" s="663"/>
      <c r="BX6" s="663"/>
      <c r="BY6" s="663"/>
      <c r="BZ6" s="663"/>
      <c r="CA6" s="663"/>
      <c r="CB6" s="667"/>
      <c r="CD6" s="645" t="s">
        <v>234</v>
      </c>
      <c r="CE6" s="646"/>
      <c r="CF6" s="646"/>
      <c r="CG6" s="646"/>
      <c r="CH6" s="646"/>
      <c r="CI6" s="646"/>
      <c r="CJ6" s="646"/>
      <c r="CK6" s="646"/>
      <c r="CL6" s="646"/>
      <c r="CM6" s="646"/>
      <c r="CN6" s="646"/>
      <c r="CO6" s="646"/>
      <c r="CP6" s="646"/>
      <c r="CQ6" s="647"/>
      <c r="CR6" s="659">
        <v>80348</v>
      </c>
      <c r="CS6" s="660"/>
      <c r="CT6" s="660"/>
      <c r="CU6" s="660"/>
      <c r="CV6" s="660"/>
      <c r="CW6" s="660"/>
      <c r="CX6" s="660"/>
      <c r="CY6" s="661"/>
      <c r="CZ6" s="653">
        <v>1.5</v>
      </c>
      <c r="DA6" s="654"/>
      <c r="DB6" s="654"/>
      <c r="DC6" s="670"/>
      <c r="DD6" s="668" t="s">
        <v>129</v>
      </c>
      <c r="DE6" s="660"/>
      <c r="DF6" s="660"/>
      <c r="DG6" s="660"/>
      <c r="DH6" s="660"/>
      <c r="DI6" s="660"/>
      <c r="DJ6" s="660"/>
      <c r="DK6" s="660"/>
      <c r="DL6" s="660"/>
      <c r="DM6" s="660"/>
      <c r="DN6" s="660"/>
      <c r="DO6" s="660"/>
      <c r="DP6" s="661"/>
      <c r="DQ6" s="668">
        <v>80348</v>
      </c>
      <c r="DR6" s="660"/>
      <c r="DS6" s="660"/>
      <c r="DT6" s="660"/>
      <c r="DU6" s="660"/>
      <c r="DV6" s="660"/>
      <c r="DW6" s="660"/>
      <c r="DX6" s="660"/>
      <c r="DY6" s="660"/>
      <c r="DZ6" s="660"/>
      <c r="EA6" s="660"/>
      <c r="EB6" s="660"/>
      <c r="EC6" s="669"/>
    </row>
    <row r="7" spans="2:143" ht="11.25" customHeight="1" x14ac:dyDescent="0.2">
      <c r="B7" s="656" t="s">
        <v>235</v>
      </c>
      <c r="C7" s="657"/>
      <c r="D7" s="657"/>
      <c r="E7" s="657"/>
      <c r="F7" s="657"/>
      <c r="G7" s="657"/>
      <c r="H7" s="657"/>
      <c r="I7" s="657"/>
      <c r="J7" s="657"/>
      <c r="K7" s="657"/>
      <c r="L7" s="657"/>
      <c r="M7" s="657"/>
      <c r="N7" s="657"/>
      <c r="O7" s="657"/>
      <c r="P7" s="657"/>
      <c r="Q7" s="658"/>
      <c r="R7" s="659">
        <v>503</v>
      </c>
      <c r="S7" s="660"/>
      <c r="T7" s="660"/>
      <c r="U7" s="660"/>
      <c r="V7" s="660"/>
      <c r="W7" s="660"/>
      <c r="X7" s="660"/>
      <c r="Y7" s="661"/>
      <c r="Z7" s="662">
        <v>0</v>
      </c>
      <c r="AA7" s="662"/>
      <c r="AB7" s="662"/>
      <c r="AC7" s="662"/>
      <c r="AD7" s="663">
        <v>503</v>
      </c>
      <c r="AE7" s="663"/>
      <c r="AF7" s="663"/>
      <c r="AG7" s="663"/>
      <c r="AH7" s="663"/>
      <c r="AI7" s="663"/>
      <c r="AJ7" s="663"/>
      <c r="AK7" s="663"/>
      <c r="AL7" s="664">
        <v>0</v>
      </c>
      <c r="AM7" s="665"/>
      <c r="AN7" s="665"/>
      <c r="AO7" s="666"/>
      <c r="AP7" s="656" t="s">
        <v>236</v>
      </c>
      <c r="AQ7" s="657"/>
      <c r="AR7" s="657"/>
      <c r="AS7" s="657"/>
      <c r="AT7" s="657"/>
      <c r="AU7" s="657"/>
      <c r="AV7" s="657"/>
      <c r="AW7" s="657"/>
      <c r="AX7" s="657"/>
      <c r="AY7" s="657"/>
      <c r="AZ7" s="657"/>
      <c r="BA7" s="657"/>
      <c r="BB7" s="657"/>
      <c r="BC7" s="657"/>
      <c r="BD7" s="657"/>
      <c r="BE7" s="657"/>
      <c r="BF7" s="658"/>
      <c r="BG7" s="659">
        <v>681581</v>
      </c>
      <c r="BH7" s="660"/>
      <c r="BI7" s="660"/>
      <c r="BJ7" s="660"/>
      <c r="BK7" s="660"/>
      <c r="BL7" s="660"/>
      <c r="BM7" s="660"/>
      <c r="BN7" s="661"/>
      <c r="BO7" s="662">
        <v>44.2</v>
      </c>
      <c r="BP7" s="662"/>
      <c r="BQ7" s="662"/>
      <c r="BR7" s="662"/>
      <c r="BS7" s="663" t="s">
        <v>129</v>
      </c>
      <c r="BT7" s="663"/>
      <c r="BU7" s="663"/>
      <c r="BV7" s="663"/>
      <c r="BW7" s="663"/>
      <c r="BX7" s="663"/>
      <c r="BY7" s="663"/>
      <c r="BZ7" s="663"/>
      <c r="CA7" s="663"/>
      <c r="CB7" s="667"/>
      <c r="CD7" s="656" t="s">
        <v>237</v>
      </c>
      <c r="CE7" s="657"/>
      <c r="CF7" s="657"/>
      <c r="CG7" s="657"/>
      <c r="CH7" s="657"/>
      <c r="CI7" s="657"/>
      <c r="CJ7" s="657"/>
      <c r="CK7" s="657"/>
      <c r="CL7" s="657"/>
      <c r="CM7" s="657"/>
      <c r="CN7" s="657"/>
      <c r="CO7" s="657"/>
      <c r="CP7" s="657"/>
      <c r="CQ7" s="658"/>
      <c r="CR7" s="659">
        <v>1014546</v>
      </c>
      <c r="CS7" s="660"/>
      <c r="CT7" s="660"/>
      <c r="CU7" s="660"/>
      <c r="CV7" s="660"/>
      <c r="CW7" s="660"/>
      <c r="CX7" s="660"/>
      <c r="CY7" s="661"/>
      <c r="CZ7" s="662">
        <v>19.3</v>
      </c>
      <c r="DA7" s="662"/>
      <c r="DB7" s="662"/>
      <c r="DC7" s="662"/>
      <c r="DD7" s="668">
        <v>16795</v>
      </c>
      <c r="DE7" s="660"/>
      <c r="DF7" s="660"/>
      <c r="DG7" s="660"/>
      <c r="DH7" s="660"/>
      <c r="DI7" s="660"/>
      <c r="DJ7" s="660"/>
      <c r="DK7" s="660"/>
      <c r="DL7" s="660"/>
      <c r="DM7" s="660"/>
      <c r="DN7" s="660"/>
      <c r="DO7" s="660"/>
      <c r="DP7" s="661"/>
      <c r="DQ7" s="668">
        <v>901395</v>
      </c>
      <c r="DR7" s="660"/>
      <c r="DS7" s="660"/>
      <c r="DT7" s="660"/>
      <c r="DU7" s="660"/>
      <c r="DV7" s="660"/>
      <c r="DW7" s="660"/>
      <c r="DX7" s="660"/>
      <c r="DY7" s="660"/>
      <c r="DZ7" s="660"/>
      <c r="EA7" s="660"/>
      <c r="EB7" s="660"/>
      <c r="EC7" s="669"/>
    </row>
    <row r="8" spans="2:143" ht="11.25" customHeight="1" x14ac:dyDescent="0.2">
      <c r="B8" s="656" t="s">
        <v>238</v>
      </c>
      <c r="C8" s="657"/>
      <c r="D8" s="657"/>
      <c r="E8" s="657"/>
      <c r="F8" s="657"/>
      <c r="G8" s="657"/>
      <c r="H8" s="657"/>
      <c r="I8" s="657"/>
      <c r="J8" s="657"/>
      <c r="K8" s="657"/>
      <c r="L8" s="657"/>
      <c r="M8" s="657"/>
      <c r="N8" s="657"/>
      <c r="O8" s="657"/>
      <c r="P8" s="657"/>
      <c r="Q8" s="658"/>
      <c r="R8" s="659">
        <v>10139</v>
      </c>
      <c r="S8" s="660"/>
      <c r="T8" s="660"/>
      <c r="U8" s="660"/>
      <c r="V8" s="660"/>
      <c r="W8" s="660"/>
      <c r="X8" s="660"/>
      <c r="Y8" s="661"/>
      <c r="Z8" s="662">
        <v>0.2</v>
      </c>
      <c r="AA8" s="662"/>
      <c r="AB8" s="662"/>
      <c r="AC8" s="662"/>
      <c r="AD8" s="663">
        <v>10139</v>
      </c>
      <c r="AE8" s="663"/>
      <c r="AF8" s="663"/>
      <c r="AG8" s="663"/>
      <c r="AH8" s="663"/>
      <c r="AI8" s="663"/>
      <c r="AJ8" s="663"/>
      <c r="AK8" s="663"/>
      <c r="AL8" s="664">
        <v>0.3</v>
      </c>
      <c r="AM8" s="665"/>
      <c r="AN8" s="665"/>
      <c r="AO8" s="666"/>
      <c r="AP8" s="656" t="s">
        <v>239</v>
      </c>
      <c r="AQ8" s="657"/>
      <c r="AR8" s="657"/>
      <c r="AS8" s="657"/>
      <c r="AT8" s="657"/>
      <c r="AU8" s="657"/>
      <c r="AV8" s="657"/>
      <c r="AW8" s="657"/>
      <c r="AX8" s="657"/>
      <c r="AY8" s="657"/>
      <c r="AZ8" s="657"/>
      <c r="BA8" s="657"/>
      <c r="BB8" s="657"/>
      <c r="BC8" s="657"/>
      <c r="BD8" s="657"/>
      <c r="BE8" s="657"/>
      <c r="BF8" s="658"/>
      <c r="BG8" s="659">
        <v>19767</v>
      </c>
      <c r="BH8" s="660"/>
      <c r="BI8" s="660"/>
      <c r="BJ8" s="660"/>
      <c r="BK8" s="660"/>
      <c r="BL8" s="660"/>
      <c r="BM8" s="660"/>
      <c r="BN8" s="661"/>
      <c r="BO8" s="662">
        <v>1.3</v>
      </c>
      <c r="BP8" s="662"/>
      <c r="BQ8" s="662"/>
      <c r="BR8" s="662"/>
      <c r="BS8" s="663" t="s">
        <v>233</v>
      </c>
      <c r="BT8" s="663"/>
      <c r="BU8" s="663"/>
      <c r="BV8" s="663"/>
      <c r="BW8" s="663"/>
      <c r="BX8" s="663"/>
      <c r="BY8" s="663"/>
      <c r="BZ8" s="663"/>
      <c r="CA8" s="663"/>
      <c r="CB8" s="667"/>
      <c r="CD8" s="656" t="s">
        <v>240</v>
      </c>
      <c r="CE8" s="657"/>
      <c r="CF8" s="657"/>
      <c r="CG8" s="657"/>
      <c r="CH8" s="657"/>
      <c r="CI8" s="657"/>
      <c r="CJ8" s="657"/>
      <c r="CK8" s="657"/>
      <c r="CL8" s="657"/>
      <c r="CM8" s="657"/>
      <c r="CN8" s="657"/>
      <c r="CO8" s="657"/>
      <c r="CP8" s="657"/>
      <c r="CQ8" s="658"/>
      <c r="CR8" s="659">
        <v>1388371</v>
      </c>
      <c r="CS8" s="660"/>
      <c r="CT8" s="660"/>
      <c r="CU8" s="660"/>
      <c r="CV8" s="660"/>
      <c r="CW8" s="660"/>
      <c r="CX8" s="660"/>
      <c r="CY8" s="661"/>
      <c r="CZ8" s="662">
        <v>26.4</v>
      </c>
      <c r="DA8" s="662"/>
      <c r="DB8" s="662"/>
      <c r="DC8" s="662"/>
      <c r="DD8" s="668">
        <v>2574</v>
      </c>
      <c r="DE8" s="660"/>
      <c r="DF8" s="660"/>
      <c r="DG8" s="660"/>
      <c r="DH8" s="660"/>
      <c r="DI8" s="660"/>
      <c r="DJ8" s="660"/>
      <c r="DK8" s="660"/>
      <c r="DL8" s="660"/>
      <c r="DM8" s="660"/>
      <c r="DN8" s="660"/>
      <c r="DO8" s="660"/>
      <c r="DP8" s="661"/>
      <c r="DQ8" s="668">
        <v>748211</v>
      </c>
      <c r="DR8" s="660"/>
      <c r="DS8" s="660"/>
      <c r="DT8" s="660"/>
      <c r="DU8" s="660"/>
      <c r="DV8" s="660"/>
      <c r="DW8" s="660"/>
      <c r="DX8" s="660"/>
      <c r="DY8" s="660"/>
      <c r="DZ8" s="660"/>
      <c r="EA8" s="660"/>
      <c r="EB8" s="660"/>
      <c r="EC8" s="669"/>
    </row>
    <row r="9" spans="2:143" ht="11.25" customHeight="1" x14ac:dyDescent="0.2">
      <c r="B9" s="656" t="s">
        <v>241</v>
      </c>
      <c r="C9" s="657"/>
      <c r="D9" s="657"/>
      <c r="E9" s="657"/>
      <c r="F9" s="657"/>
      <c r="G9" s="657"/>
      <c r="H9" s="657"/>
      <c r="I9" s="657"/>
      <c r="J9" s="657"/>
      <c r="K9" s="657"/>
      <c r="L9" s="657"/>
      <c r="M9" s="657"/>
      <c r="N9" s="657"/>
      <c r="O9" s="657"/>
      <c r="P9" s="657"/>
      <c r="Q9" s="658"/>
      <c r="R9" s="659">
        <v>7772</v>
      </c>
      <c r="S9" s="660"/>
      <c r="T9" s="660"/>
      <c r="U9" s="660"/>
      <c r="V9" s="660"/>
      <c r="W9" s="660"/>
      <c r="X9" s="660"/>
      <c r="Y9" s="661"/>
      <c r="Z9" s="662">
        <v>0.1</v>
      </c>
      <c r="AA9" s="662"/>
      <c r="AB9" s="662"/>
      <c r="AC9" s="662"/>
      <c r="AD9" s="663">
        <v>7772</v>
      </c>
      <c r="AE9" s="663"/>
      <c r="AF9" s="663"/>
      <c r="AG9" s="663"/>
      <c r="AH9" s="663"/>
      <c r="AI9" s="663"/>
      <c r="AJ9" s="663"/>
      <c r="AK9" s="663"/>
      <c r="AL9" s="664">
        <v>0.2</v>
      </c>
      <c r="AM9" s="665"/>
      <c r="AN9" s="665"/>
      <c r="AO9" s="666"/>
      <c r="AP9" s="656" t="s">
        <v>242</v>
      </c>
      <c r="AQ9" s="657"/>
      <c r="AR9" s="657"/>
      <c r="AS9" s="657"/>
      <c r="AT9" s="657"/>
      <c r="AU9" s="657"/>
      <c r="AV9" s="657"/>
      <c r="AW9" s="657"/>
      <c r="AX9" s="657"/>
      <c r="AY9" s="657"/>
      <c r="AZ9" s="657"/>
      <c r="BA9" s="657"/>
      <c r="BB9" s="657"/>
      <c r="BC9" s="657"/>
      <c r="BD9" s="657"/>
      <c r="BE9" s="657"/>
      <c r="BF9" s="658"/>
      <c r="BG9" s="659">
        <v>586958</v>
      </c>
      <c r="BH9" s="660"/>
      <c r="BI9" s="660"/>
      <c r="BJ9" s="660"/>
      <c r="BK9" s="660"/>
      <c r="BL9" s="660"/>
      <c r="BM9" s="660"/>
      <c r="BN9" s="661"/>
      <c r="BO9" s="662">
        <v>38</v>
      </c>
      <c r="BP9" s="662"/>
      <c r="BQ9" s="662"/>
      <c r="BR9" s="662"/>
      <c r="BS9" s="663" t="s">
        <v>233</v>
      </c>
      <c r="BT9" s="663"/>
      <c r="BU9" s="663"/>
      <c r="BV9" s="663"/>
      <c r="BW9" s="663"/>
      <c r="BX9" s="663"/>
      <c r="BY9" s="663"/>
      <c r="BZ9" s="663"/>
      <c r="CA9" s="663"/>
      <c r="CB9" s="667"/>
      <c r="CD9" s="656" t="s">
        <v>243</v>
      </c>
      <c r="CE9" s="657"/>
      <c r="CF9" s="657"/>
      <c r="CG9" s="657"/>
      <c r="CH9" s="657"/>
      <c r="CI9" s="657"/>
      <c r="CJ9" s="657"/>
      <c r="CK9" s="657"/>
      <c r="CL9" s="657"/>
      <c r="CM9" s="657"/>
      <c r="CN9" s="657"/>
      <c r="CO9" s="657"/>
      <c r="CP9" s="657"/>
      <c r="CQ9" s="658"/>
      <c r="CR9" s="659">
        <v>435218</v>
      </c>
      <c r="CS9" s="660"/>
      <c r="CT9" s="660"/>
      <c r="CU9" s="660"/>
      <c r="CV9" s="660"/>
      <c r="CW9" s="660"/>
      <c r="CX9" s="660"/>
      <c r="CY9" s="661"/>
      <c r="CZ9" s="662">
        <v>8.3000000000000007</v>
      </c>
      <c r="DA9" s="662"/>
      <c r="DB9" s="662"/>
      <c r="DC9" s="662"/>
      <c r="DD9" s="668">
        <v>49288</v>
      </c>
      <c r="DE9" s="660"/>
      <c r="DF9" s="660"/>
      <c r="DG9" s="660"/>
      <c r="DH9" s="660"/>
      <c r="DI9" s="660"/>
      <c r="DJ9" s="660"/>
      <c r="DK9" s="660"/>
      <c r="DL9" s="660"/>
      <c r="DM9" s="660"/>
      <c r="DN9" s="660"/>
      <c r="DO9" s="660"/>
      <c r="DP9" s="661"/>
      <c r="DQ9" s="668">
        <v>309618</v>
      </c>
      <c r="DR9" s="660"/>
      <c r="DS9" s="660"/>
      <c r="DT9" s="660"/>
      <c r="DU9" s="660"/>
      <c r="DV9" s="660"/>
      <c r="DW9" s="660"/>
      <c r="DX9" s="660"/>
      <c r="DY9" s="660"/>
      <c r="DZ9" s="660"/>
      <c r="EA9" s="660"/>
      <c r="EB9" s="660"/>
      <c r="EC9" s="669"/>
    </row>
    <row r="10" spans="2:143" ht="11.25" customHeight="1" x14ac:dyDescent="0.2">
      <c r="B10" s="656" t="s">
        <v>244</v>
      </c>
      <c r="C10" s="657"/>
      <c r="D10" s="657"/>
      <c r="E10" s="657"/>
      <c r="F10" s="657"/>
      <c r="G10" s="657"/>
      <c r="H10" s="657"/>
      <c r="I10" s="657"/>
      <c r="J10" s="657"/>
      <c r="K10" s="657"/>
      <c r="L10" s="657"/>
      <c r="M10" s="657"/>
      <c r="N10" s="657"/>
      <c r="O10" s="657"/>
      <c r="P10" s="657"/>
      <c r="Q10" s="658"/>
      <c r="R10" s="659" t="s">
        <v>129</v>
      </c>
      <c r="S10" s="660"/>
      <c r="T10" s="660"/>
      <c r="U10" s="660"/>
      <c r="V10" s="660"/>
      <c r="W10" s="660"/>
      <c r="X10" s="660"/>
      <c r="Y10" s="661"/>
      <c r="Z10" s="662" t="s">
        <v>129</v>
      </c>
      <c r="AA10" s="662"/>
      <c r="AB10" s="662"/>
      <c r="AC10" s="662"/>
      <c r="AD10" s="663" t="s">
        <v>129</v>
      </c>
      <c r="AE10" s="663"/>
      <c r="AF10" s="663"/>
      <c r="AG10" s="663"/>
      <c r="AH10" s="663"/>
      <c r="AI10" s="663"/>
      <c r="AJ10" s="663"/>
      <c r="AK10" s="663"/>
      <c r="AL10" s="664" t="s">
        <v>233</v>
      </c>
      <c r="AM10" s="665"/>
      <c r="AN10" s="665"/>
      <c r="AO10" s="666"/>
      <c r="AP10" s="656" t="s">
        <v>245</v>
      </c>
      <c r="AQ10" s="657"/>
      <c r="AR10" s="657"/>
      <c r="AS10" s="657"/>
      <c r="AT10" s="657"/>
      <c r="AU10" s="657"/>
      <c r="AV10" s="657"/>
      <c r="AW10" s="657"/>
      <c r="AX10" s="657"/>
      <c r="AY10" s="657"/>
      <c r="AZ10" s="657"/>
      <c r="BA10" s="657"/>
      <c r="BB10" s="657"/>
      <c r="BC10" s="657"/>
      <c r="BD10" s="657"/>
      <c r="BE10" s="657"/>
      <c r="BF10" s="658"/>
      <c r="BG10" s="659">
        <v>34675</v>
      </c>
      <c r="BH10" s="660"/>
      <c r="BI10" s="660"/>
      <c r="BJ10" s="660"/>
      <c r="BK10" s="660"/>
      <c r="BL10" s="660"/>
      <c r="BM10" s="660"/>
      <c r="BN10" s="661"/>
      <c r="BO10" s="662">
        <v>2.2000000000000002</v>
      </c>
      <c r="BP10" s="662"/>
      <c r="BQ10" s="662"/>
      <c r="BR10" s="662"/>
      <c r="BS10" s="663" t="s">
        <v>129</v>
      </c>
      <c r="BT10" s="663"/>
      <c r="BU10" s="663"/>
      <c r="BV10" s="663"/>
      <c r="BW10" s="663"/>
      <c r="BX10" s="663"/>
      <c r="BY10" s="663"/>
      <c r="BZ10" s="663"/>
      <c r="CA10" s="663"/>
      <c r="CB10" s="667"/>
      <c r="CD10" s="656" t="s">
        <v>246</v>
      </c>
      <c r="CE10" s="657"/>
      <c r="CF10" s="657"/>
      <c r="CG10" s="657"/>
      <c r="CH10" s="657"/>
      <c r="CI10" s="657"/>
      <c r="CJ10" s="657"/>
      <c r="CK10" s="657"/>
      <c r="CL10" s="657"/>
      <c r="CM10" s="657"/>
      <c r="CN10" s="657"/>
      <c r="CO10" s="657"/>
      <c r="CP10" s="657"/>
      <c r="CQ10" s="658"/>
      <c r="CR10" s="659">
        <v>6419</v>
      </c>
      <c r="CS10" s="660"/>
      <c r="CT10" s="660"/>
      <c r="CU10" s="660"/>
      <c r="CV10" s="660"/>
      <c r="CW10" s="660"/>
      <c r="CX10" s="660"/>
      <c r="CY10" s="661"/>
      <c r="CZ10" s="662">
        <v>0.1</v>
      </c>
      <c r="DA10" s="662"/>
      <c r="DB10" s="662"/>
      <c r="DC10" s="662"/>
      <c r="DD10" s="668" t="s">
        <v>233</v>
      </c>
      <c r="DE10" s="660"/>
      <c r="DF10" s="660"/>
      <c r="DG10" s="660"/>
      <c r="DH10" s="660"/>
      <c r="DI10" s="660"/>
      <c r="DJ10" s="660"/>
      <c r="DK10" s="660"/>
      <c r="DL10" s="660"/>
      <c r="DM10" s="660"/>
      <c r="DN10" s="660"/>
      <c r="DO10" s="660"/>
      <c r="DP10" s="661"/>
      <c r="DQ10" s="668">
        <v>834</v>
      </c>
      <c r="DR10" s="660"/>
      <c r="DS10" s="660"/>
      <c r="DT10" s="660"/>
      <c r="DU10" s="660"/>
      <c r="DV10" s="660"/>
      <c r="DW10" s="660"/>
      <c r="DX10" s="660"/>
      <c r="DY10" s="660"/>
      <c r="DZ10" s="660"/>
      <c r="EA10" s="660"/>
      <c r="EB10" s="660"/>
      <c r="EC10" s="669"/>
    </row>
    <row r="11" spans="2:143" ht="11.25" customHeight="1" x14ac:dyDescent="0.2">
      <c r="B11" s="656" t="s">
        <v>247</v>
      </c>
      <c r="C11" s="657"/>
      <c r="D11" s="657"/>
      <c r="E11" s="657"/>
      <c r="F11" s="657"/>
      <c r="G11" s="657"/>
      <c r="H11" s="657"/>
      <c r="I11" s="657"/>
      <c r="J11" s="657"/>
      <c r="K11" s="657"/>
      <c r="L11" s="657"/>
      <c r="M11" s="657"/>
      <c r="N11" s="657"/>
      <c r="O11" s="657"/>
      <c r="P11" s="657"/>
      <c r="Q11" s="658"/>
      <c r="R11" s="659">
        <v>251378</v>
      </c>
      <c r="S11" s="660"/>
      <c r="T11" s="660"/>
      <c r="U11" s="660"/>
      <c r="V11" s="660"/>
      <c r="W11" s="660"/>
      <c r="X11" s="660"/>
      <c r="Y11" s="661"/>
      <c r="Z11" s="664">
        <v>4.4000000000000004</v>
      </c>
      <c r="AA11" s="665"/>
      <c r="AB11" s="665"/>
      <c r="AC11" s="671"/>
      <c r="AD11" s="668">
        <v>251378</v>
      </c>
      <c r="AE11" s="660"/>
      <c r="AF11" s="660"/>
      <c r="AG11" s="660"/>
      <c r="AH11" s="660"/>
      <c r="AI11" s="660"/>
      <c r="AJ11" s="660"/>
      <c r="AK11" s="661"/>
      <c r="AL11" s="664">
        <v>7.8</v>
      </c>
      <c r="AM11" s="665"/>
      <c r="AN11" s="665"/>
      <c r="AO11" s="666"/>
      <c r="AP11" s="656" t="s">
        <v>248</v>
      </c>
      <c r="AQ11" s="657"/>
      <c r="AR11" s="657"/>
      <c r="AS11" s="657"/>
      <c r="AT11" s="657"/>
      <c r="AU11" s="657"/>
      <c r="AV11" s="657"/>
      <c r="AW11" s="657"/>
      <c r="AX11" s="657"/>
      <c r="AY11" s="657"/>
      <c r="AZ11" s="657"/>
      <c r="BA11" s="657"/>
      <c r="BB11" s="657"/>
      <c r="BC11" s="657"/>
      <c r="BD11" s="657"/>
      <c r="BE11" s="657"/>
      <c r="BF11" s="658"/>
      <c r="BG11" s="659">
        <v>40181</v>
      </c>
      <c r="BH11" s="660"/>
      <c r="BI11" s="660"/>
      <c r="BJ11" s="660"/>
      <c r="BK11" s="660"/>
      <c r="BL11" s="660"/>
      <c r="BM11" s="660"/>
      <c r="BN11" s="661"/>
      <c r="BO11" s="662">
        <v>2.6</v>
      </c>
      <c r="BP11" s="662"/>
      <c r="BQ11" s="662"/>
      <c r="BR11" s="662"/>
      <c r="BS11" s="663" t="s">
        <v>129</v>
      </c>
      <c r="BT11" s="663"/>
      <c r="BU11" s="663"/>
      <c r="BV11" s="663"/>
      <c r="BW11" s="663"/>
      <c r="BX11" s="663"/>
      <c r="BY11" s="663"/>
      <c r="BZ11" s="663"/>
      <c r="CA11" s="663"/>
      <c r="CB11" s="667"/>
      <c r="CD11" s="656" t="s">
        <v>249</v>
      </c>
      <c r="CE11" s="657"/>
      <c r="CF11" s="657"/>
      <c r="CG11" s="657"/>
      <c r="CH11" s="657"/>
      <c r="CI11" s="657"/>
      <c r="CJ11" s="657"/>
      <c r="CK11" s="657"/>
      <c r="CL11" s="657"/>
      <c r="CM11" s="657"/>
      <c r="CN11" s="657"/>
      <c r="CO11" s="657"/>
      <c r="CP11" s="657"/>
      <c r="CQ11" s="658"/>
      <c r="CR11" s="659">
        <v>108475</v>
      </c>
      <c r="CS11" s="660"/>
      <c r="CT11" s="660"/>
      <c r="CU11" s="660"/>
      <c r="CV11" s="660"/>
      <c r="CW11" s="660"/>
      <c r="CX11" s="660"/>
      <c r="CY11" s="661"/>
      <c r="CZ11" s="662">
        <v>2.1</v>
      </c>
      <c r="DA11" s="662"/>
      <c r="DB11" s="662"/>
      <c r="DC11" s="662"/>
      <c r="DD11" s="668">
        <v>3691</v>
      </c>
      <c r="DE11" s="660"/>
      <c r="DF11" s="660"/>
      <c r="DG11" s="660"/>
      <c r="DH11" s="660"/>
      <c r="DI11" s="660"/>
      <c r="DJ11" s="660"/>
      <c r="DK11" s="660"/>
      <c r="DL11" s="660"/>
      <c r="DM11" s="660"/>
      <c r="DN11" s="660"/>
      <c r="DO11" s="660"/>
      <c r="DP11" s="661"/>
      <c r="DQ11" s="668">
        <v>80943</v>
      </c>
      <c r="DR11" s="660"/>
      <c r="DS11" s="660"/>
      <c r="DT11" s="660"/>
      <c r="DU11" s="660"/>
      <c r="DV11" s="660"/>
      <c r="DW11" s="660"/>
      <c r="DX11" s="660"/>
      <c r="DY11" s="660"/>
      <c r="DZ11" s="660"/>
      <c r="EA11" s="660"/>
      <c r="EB11" s="660"/>
      <c r="EC11" s="669"/>
    </row>
    <row r="12" spans="2:143" ht="11.25" customHeight="1" x14ac:dyDescent="0.2">
      <c r="B12" s="656" t="s">
        <v>250</v>
      </c>
      <c r="C12" s="657"/>
      <c r="D12" s="657"/>
      <c r="E12" s="657"/>
      <c r="F12" s="657"/>
      <c r="G12" s="657"/>
      <c r="H12" s="657"/>
      <c r="I12" s="657"/>
      <c r="J12" s="657"/>
      <c r="K12" s="657"/>
      <c r="L12" s="657"/>
      <c r="M12" s="657"/>
      <c r="N12" s="657"/>
      <c r="O12" s="657"/>
      <c r="P12" s="657"/>
      <c r="Q12" s="658"/>
      <c r="R12" s="659">
        <v>53241</v>
      </c>
      <c r="S12" s="660"/>
      <c r="T12" s="660"/>
      <c r="U12" s="660"/>
      <c r="V12" s="660"/>
      <c r="W12" s="660"/>
      <c r="X12" s="660"/>
      <c r="Y12" s="661"/>
      <c r="Z12" s="662">
        <v>0.9</v>
      </c>
      <c r="AA12" s="662"/>
      <c r="AB12" s="662"/>
      <c r="AC12" s="662"/>
      <c r="AD12" s="663">
        <v>53241</v>
      </c>
      <c r="AE12" s="663"/>
      <c r="AF12" s="663"/>
      <c r="AG12" s="663"/>
      <c r="AH12" s="663"/>
      <c r="AI12" s="663"/>
      <c r="AJ12" s="663"/>
      <c r="AK12" s="663"/>
      <c r="AL12" s="664">
        <v>1.7</v>
      </c>
      <c r="AM12" s="665"/>
      <c r="AN12" s="665"/>
      <c r="AO12" s="666"/>
      <c r="AP12" s="656" t="s">
        <v>251</v>
      </c>
      <c r="AQ12" s="657"/>
      <c r="AR12" s="657"/>
      <c r="AS12" s="657"/>
      <c r="AT12" s="657"/>
      <c r="AU12" s="657"/>
      <c r="AV12" s="657"/>
      <c r="AW12" s="657"/>
      <c r="AX12" s="657"/>
      <c r="AY12" s="657"/>
      <c r="AZ12" s="657"/>
      <c r="BA12" s="657"/>
      <c r="BB12" s="657"/>
      <c r="BC12" s="657"/>
      <c r="BD12" s="657"/>
      <c r="BE12" s="657"/>
      <c r="BF12" s="658"/>
      <c r="BG12" s="659">
        <v>778328</v>
      </c>
      <c r="BH12" s="660"/>
      <c r="BI12" s="660"/>
      <c r="BJ12" s="660"/>
      <c r="BK12" s="660"/>
      <c r="BL12" s="660"/>
      <c r="BM12" s="660"/>
      <c r="BN12" s="661"/>
      <c r="BO12" s="662">
        <v>50.4</v>
      </c>
      <c r="BP12" s="662"/>
      <c r="BQ12" s="662"/>
      <c r="BR12" s="662"/>
      <c r="BS12" s="663" t="s">
        <v>233</v>
      </c>
      <c r="BT12" s="663"/>
      <c r="BU12" s="663"/>
      <c r="BV12" s="663"/>
      <c r="BW12" s="663"/>
      <c r="BX12" s="663"/>
      <c r="BY12" s="663"/>
      <c r="BZ12" s="663"/>
      <c r="CA12" s="663"/>
      <c r="CB12" s="667"/>
      <c r="CD12" s="656" t="s">
        <v>252</v>
      </c>
      <c r="CE12" s="657"/>
      <c r="CF12" s="657"/>
      <c r="CG12" s="657"/>
      <c r="CH12" s="657"/>
      <c r="CI12" s="657"/>
      <c r="CJ12" s="657"/>
      <c r="CK12" s="657"/>
      <c r="CL12" s="657"/>
      <c r="CM12" s="657"/>
      <c r="CN12" s="657"/>
      <c r="CO12" s="657"/>
      <c r="CP12" s="657"/>
      <c r="CQ12" s="658"/>
      <c r="CR12" s="659">
        <v>105946</v>
      </c>
      <c r="CS12" s="660"/>
      <c r="CT12" s="660"/>
      <c r="CU12" s="660"/>
      <c r="CV12" s="660"/>
      <c r="CW12" s="660"/>
      <c r="CX12" s="660"/>
      <c r="CY12" s="661"/>
      <c r="CZ12" s="662">
        <v>2</v>
      </c>
      <c r="DA12" s="662"/>
      <c r="DB12" s="662"/>
      <c r="DC12" s="662"/>
      <c r="DD12" s="668">
        <v>1382</v>
      </c>
      <c r="DE12" s="660"/>
      <c r="DF12" s="660"/>
      <c r="DG12" s="660"/>
      <c r="DH12" s="660"/>
      <c r="DI12" s="660"/>
      <c r="DJ12" s="660"/>
      <c r="DK12" s="660"/>
      <c r="DL12" s="660"/>
      <c r="DM12" s="660"/>
      <c r="DN12" s="660"/>
      <c r="DO12" s="660"/>
      <c r="DP12" s="661"/>
      <c r="DQ12" s="668">
        <v>58740</v>
      </c>
      <c r="DR12" s="660"/>
      <c r="DS12" s="660"/>
      <c r="DT12" s="660"/>
      <c r="DU12" s="660"/>
      <c r="DV12" s="660"/>
      <c r="DW12" s="660"/>
      <c r="DX12" s="660"/>
      <c r="DY12" s="660"/>
      <c r="DZ12" s="660"/>
      <c r="EA12" s="660"/>
      <c r="EB12" s="660"/>
      <c r="EC12" s="669"/>
    </row>
    <row r="13" spans="2:143" ht="11.25" customHeight="1" x14ac:dyDescent="0.2">
      <c r="B13" s="656" t="s">
        <v>253</v>
      </c>
      <c r="C13" s="657"/>
      <c r="D13" s="657"/>
      <c r="E13" s="657"/>
      <c r="F13" s="657"/>
      <c r="G13" s="657"/>
      <c r="H13" s="657"/>
      <c r="I13" s="657"/>
      <c r="J13" s="657"/>
      <c r="K13" s="657"/>
      <c r="L13" s="657"/>
      <c r="M13" s="657"/>
      <c r="N13" s="657"/>
      <c r="O13" s="657"/>
      <c r="P13" s="657"/>
      <c r="Q13" s="658"/>
      <c r="R13" s="659" t="s">
        <v>233</v>
      </c>
      <c r="S13" s="660"/>
      <c r="T13" s="660"/>
      <c r="U13" s="660"/>
      <c r="V13" s="660"/>
      <c r="W13" s="660"/>
      <c r="X13" s="660"/>
      <c r="Y13" s="661"/>
      <c r="Z13" s="662" t="s">
        <v>129</v>
      </c>
      <c r="AA13" s="662"/>
      <c r="AB13" s="662"/>
      <c r="AC13" s="662"/>
      <c r="AD13" s="663" t="s">
        <v>129</v>
      </c>
      <c r="AE13" s="663"/>
      <c r="AF13" s="663"/>
      <c r="AG13" s="663"/>
      <c r="AH13" s="663"/>
      <c r="AI13" s="663"/>
      <c r="AJ13" s="663"/>
      <c r="AK13" s="663"/>
      <c r="AL13" s="664" t="s">
        <v>233</v>
      </c>
      <c r="AM13" s="665"/>
      <c r="AN13" s="665"/>
      <c r="AO13" s="666"/>
      <c r="AP13" s="656" t="s">
        <v>254</v>
      </c>
      <c r="AQ13" s="657"/>
      <c r="AR13" s="657"/>
      <c r="AS13" s="657"/>
      <c r="AT13" s="657"/>
      <c r="AU13" s="657"/>
      <c r="AV13" s="657"/>
      <c r="AW13" s="657"/>
      <c r="AX13" s="657"/>
      <c r="AY13" s="657"/>
      <c r="AZ13" s="657"/>
      <c r="BA13" s="657"/>
      <c r="BB13" s="657"/>
      <c r="BC13" s="657"/>
      <c r="BD13" s="657"/>
      <c r="BE13" s="657"/>
      <c r="BF13" s="658"/>
      <c r="BG13" s="659">
        <v>778033</v>
      </c>
      <c r="BH13" s="660"/>
      <c r="BI13" s="660"/>
      <c r="BJ13" s="660"/>
      <c r="BK13" s="660"/>
      <c r="BL13" s="660"/>
      <c r="BM13" s="660"/>
      <c r="BN13" s="661"/>
      <c r="BO13" s="662">
        <v>50.4</v>
      </c>
      <c r="BP13" s="662"/>
      <c r="BQ13" s="662"/>
      <c r="BR13" s="662"/>
      <c r="BS13" s="663" t="s">
        <v>233</v>
      </c>
      <c r="BT13" s="663"/>
      <c r="BU13" s="663"/>
      <c r="BV13" s="663"/>
      <c r="BW13" s="663"/>
      <c r="BX13" s="663"/>
      <c r="BY13" s="663"/>
      <c r="BZ13" s="663"/>
      <c r="CA13" s="663"/>
      <c r="CB13" s="667"/>
      <c r="CD13" s="656" t="s">
        <v>255</v>
      </c>
      <c r="CE13" s="657"/>
      <c r="CF13" s="657"/>
      <c r="CG13" s="657"/>
      <c r="CH13" s="657"/>
      <c r="CI13" s="657"/>
      <c r="CJ13" s="657"/>
      <c r="CK13" s="657"/>
      <c r="CL13" s="657"/>
      <c r="CM13" s="657"/>
      <c r="CN13" s="657"/>
      <c r="CO13" s="657"/>
      <c r="CP13" s="657"/>
      <c r="CQ13" s="658"/>
      <c r="CR13" s="659">
        <v>425785</v>
      </c>
      <c r="CS13" s="660"/>
      <c r="CT13" s="660"/>
      <c r="CU13" s="660"/>
      <c r="CV13" s="660"/>
      <c r="CW13" s="660"/>
      <c r="CX13" s="660"/>
      <c r="CY13" s="661"/>
      <c r="CZ13" s="662">
        <v>8.1</v>
      </c>
      <c r="DA13" s="662"/>
      <c r="DB13" s="662"/>
      <c r="DC13" s="662"/>
      <c r="DD13" s="668">
        <v>77744</v>
      </c>
      <c r="DE13" s="660"/>
      <c r="DF13" s="660"/>
      <c r="DG13" s="660"/>
      <c r="DH13" s="660"/>
      <c r="DI13" s="660"/>
      <c r="DJ13" s="660"/>
      <c r="DK13" s="660"/>
      <c r="DL13" s="660"/>
      <c r="DM13" s="660"/>
      <c r="DN13" s="660"/>
      <c r="DO13" s="660"/>
      <c r="DP13" s="661"/>
      <c r="DQ13" s="668">
        <v>347788</v>
      </c>
      <c r="DR13" s="660"/>
      <c r="DS13" s="660"/>
      <c r="DT13" s="660"/>
      <c r="DU13" s="660"/>
      <c r="DV13" s="660"/>
      <c r="DW13" s="660"/>
      <c r="DX13" s="660"/>
      <c r="DY13" s="660"/>
      <c r="DZ13" s="660"/>
      <c r="EA13" s="660"/>
      <c r="EB13" s="660"/>
      <c r="EC13" s="669"/>
    </row>
    <row r="14" spans="2:143" ht="11.25" customHeight="1" x14ac:dyDescent="0.2">
      <c r="B14" s="656" t="s">
        <v>256</v>
      </c>
      <c r="C14" s="657"/>
      <c r="D14" s="657"/>
      <c r="E14" s="657"/>
      <c r="F14" s="657"/>
      <c r="G14" s="657"/>
      <c r="H14" s="657"/>
      <c r="I14" s="657"/>
      <c r="J14" s="657"/>
      <c r="K14" s="657"/>
      <c r="L14" s="657"/>
      <c r="M14" s="657"/>
      <c r="N14" s="657"/>
      <c r="O14" s="657"/>
      <c r="P14" s="657"/>
      <c r="Q14" s="658"/>
      <c r="R14" s="659">
        <v>58</v>
      </c>
      <c r="S14" s="660"/>
      <c r="T14" s="660"/>
      <c r="U14" s="660"/>
      <c r="V14" s="660"/>
      <c r="W14" s="660"/>
      <c r="X14" s="660"/>
      <c r="Y14" s="661"/>
      <c r="Z14" s="662">
        <v>0</v>
      </c>
      <c r="AA14" s="662"/>
      <c r="AB14" s="662"/>
      <c r="AC14" s="662"/>
      <c r="AD14" s="663">
        <v>58</v>
      </c>
      <c r="AE14" s="663"/>
      <c r="AF14" s="663"/>
      <c r="AG14" s="663"/>
      <c r="AH14" s="663"/>
      <c r="AI14" s="663"/>
      <c r="AJ14" s="663"/>
      <c r="AK14" s="663"/>
      <c r="AL14" s="664">
        <v>0</v>
      </c>
      <c r="AM14" s="665"/>
      <c r="AN14" s="665"/>
      <c r="AO14" s="666"/>
      <c r="AP14" s="656" t="s">
        <v>257</v>
      </c>
      <c r="AQ14" s="657"/>
      <c r="AR14" s="657"/>
      <c r="AS14" s="657"/>
      <c r="AT14" s="657"/>
      <c r="AU14" s="657"/>
      <c r="AV14" s="657"/>
      <c r="AW14" s="657"/>
      <c r="AX14" s="657"/>
      <c r="AY14" s="657"/>
      <c r="AZ14" s="657"/>
      <c r="BA14" s="657"/>
      <c r="BB14" s="657"/>
      <c r="BC14" s="657"/>
      <c r="BD14" s="657"/>
      <c r="BE14" s="657"/>
      <c r="BF14" s="658"/>
      <c r="BG14" s="659">
        <v>31517</v>
      </c>
      <c r="BH14" s="660"/>
      <c r="BI14" s="660"/>
      <c r="BJ14" s="660"/>
      <c r="BK14" s="660"/>
      <c r="BL14" s="660"/>
      <c r="BM14" s="660"/>
      <c r="BN14" s="661"/>
      <c r="BO14" s="662">
        <v>2</v>
      </c>
      <c r="BP14" s="662"/>
      <c r="BQ14" s="662"/>
      <c r="BR14" s="662"/>
      <c r="BS14" s="663" t="s">
        <v>233</v>
      </c>
      <c r="BT14" s="663"/>
      <c r="BU14" s="663"/>
      <c r="BV14" s="663"/>
      <c r="BW14" s="663"/>
      <c r="BX14" s="663"/>
      <c r="BY14" s="663"/>
      <c r="BZ14" s="663"/>
      <c r="CA14" s="663"/>
      <c r="CB14" s="667"/>
      <c r="CD14" s="656" t="s">
        <v>258</v>
      </c>
      <c r="CE14" s="657"/>
      <c r="CF14" s="657"/>
      <c r="CG14" s="657"/>
      <c r="CH14" s="657"/>
      <c r="CI14" s="657"/>
      <c r="CJ14" s="657"/>
      <c r="CK14" s="657"/>
      <c r="CL14" s="657"/>
      <c r="CM14" s="657"/>
      <c r="CN14" s="657"/>
      <c r="CO14" s="657"/>
      <c r="CP14" s="657"/>
      <c r="CQ14" s="658"/>
      <c r="CR14" s="659">
        <v>227462</v>
      </c>
      <c r="CS14" s="660"/>
      <c r="CT14" s="660"/>
      <c r="CU14" s="660"/>
      <c r="CV14" s="660"/>
      <c r="CW14" s="660"/>
      <c r="CX14" s="660"/>
      <c r="CY14" s="661"/>
      <c r="CZ14" s="662">
        <v>4.3</v>
      </c>
      <c r="DA14" s="662"/>
      <c r="DB14" s="662"/>
      <c r="DC14" s="662"/>
      <c r="DD14" s="668">
        <v>18989</v>
      </c>
      <c r="DE14" s="660"/>
      <c r="DF14" s="660"/>
      <c r="DG14" s="660"/>
      <c r="DH14" s="660"/>
      <c r="DI14" s="660"/>
      <c r="DJ14" s="660"/>
      <c r="DK14" s="660"/>
      <c r="DL14" s="660"/>
      <c r="DM14" s="660"/>
      <c r="DN14" s="660"/>
      <c r="DO14" s="660"/>
      <c r="DP14" s="661"/>
      <c r="DQ14" s="668">
        <v>206918</v>
      </c>
      <c r="DR14" s="660"/>
      <c r="DS14" s="660"/>
      <c r="DT14" s="660"/>
      <c r="DU14" s="660"/>
      <c r="DV14" s="660"/>
      <c r="DW14" s="660"/>
      <c r="DX14" s="660"/>
      <c r="DY14" s="660"/>
      <c r="DZ14" s="660"/>
      <c r="EA14" s="660"/>
      <c r="EB14" s="660"/>
      <c r="EC14" s="669"/>
    </row>
    <row r="15" spans="2:143" ht="11.25" customHeight="1" x14ac:dyDescent="0.2">
      <c r="B15" s="656" t="s">
        <v>259</v>
      </c>
      <c r="C15" s="657"/>
      <c r="D15" s="657"/>
      <c r="E15" s="657"/>
      <c r="F15" s="657"/>
      <c r="G15" s="657"/>
      <c r="H15" s="657"/>
      <c r="I15" s="657"/>
      <c r="J15" s="657"/>
      <c r="K15" s="657"/>
      <c r="L15" s="657"/>
      <c r="M15" s="657"/>
      <c r="N15" s="657"/>
      <c r="O15" s="657"/>
      <c r="P15" s="657"/>
      <c r="Q15" s="658"/>
      <c r="R15" s="659" t="s">
        <v>129</v>
      </c>
      <c r="S15" s="660"/>
      <c r="T15" s="660"/>
      <c r="U15" s="660"/>
      <c r="V15" s="660"/>
      <c r="W15" s="660"/>
      <c r="X15" s="660"/>
      <c r="Y15" s="661"/>
      <c r="Z15" s="662" t="s">
        <v>129</v>
      </c>
      <c r="AA15" s="662"/>
      <c r="AB15" s="662"/>
      <c r="AC15" s="662"/>
      <c r="AD15" s="663" t="s">
        <v>233</v>
      </c>
      <c r="AE15" s="663"/>
      <c r="AF15" s="663"/>
      <c r="AG15" s="663"/>
      <c r="AH15" s="663"/>
      <c r="AI15" s="663"/>
      <c r="AJ15" s="663"/>
      <c r="AK15" s="663"/>
      <c r="AL15" s="664" t="s">
        <v>233</v>
      </c>
      <c r="AM15" s="665"/>
      <c r="AN15" s="665"/>
      <c r="AO15" s="666"/>
      <c r="AP15" s="656" t="s">
        <v>260</v>
      </c>
      <c r="AQ15" s="657"/>
      <c r="AR15" s="657"/>
      <c r="AS15" s="657"/>
      <c r="AT15" s="657"/>
      <c r="AU15" s="657"/>
      <c r="AV15" s="657"/>
      <c r="AW15" s="657"/>
      <c r="AX15" s="657"/>
      <c r="AY15" s="657"/>
      <c r="AZ15" s="657"/>
      <c r="BA15" s="657"/>
      <c r="BB15" s="657"/>
      <c r="BC15" s="657"/>
      <c r="BD15" s="657"/>
      <c r="BE15" s="657"/>
      <c r="BF15" s="658"/>
      <c r="BG15" s="659">
        <v>52045</v>
      </c>
      <c r="BH15" s="660"/>
      <c r="BI15" s="660"/>
      <c r="BJ15" s="660"/>
      <c r="BK15" s="660"/>
      <c r="BL15" s="660"/>
      <c r="BM15" s="660"/>
      <c r="BN15" s="661"/>
      <c r="BO15" s="662">
        <v>3.4</v>
      </c>
      <c r="BP15" s="662"/>
      <c r="BQ15" s="662"/>
      <c r="BR15" s="662"/>
      <c r="BS15" s="663" t="s">
        <v>129</v>
      </c>
      <c r="BT15" s="663"/>
      <c r="BU15" s="663"/>
      <c r="BV15" s="663"/>
      <c r="BW15" s="663"/>
      <c r="BX15" s="663"/>
      <c r="BY15" s="663"/>
      <c r="BZ15" s="663"/>
      <c r="CA15" s="663"/>
      <c r="CB15" s="667"/>
      <c r="CD15" s="656" t="s">
        <v>261</v>
      </c>
      <c r="CE15" s="657"/>
      <c r="CF15" s="657"/>
      <c r="CG15" s="657"/>
      <c r="CH15" s="657"/>
      <c r="CI15" s="657"/>
      <c r="CJ15" s="657"/>
      <c r="CK15" s="657"/>
      <c r="CL15" s="657"/>
      <c r="CM15" s="657"/>
      <c r="CN15" s="657"/>
      <c r="CO15" s="657"/>
      <c r="CP15" s="657"/>
      <c r="CQ15" s="658"/>
      <c r="CR15" s="659">
        <v>1044668</v>
      </c>
      <c r="CS15" s="660"/>
      <c r="CT15" s="660"/>
      <c r="CU15" s="660"/>
      <c r="CV15" s="660"/>
      <c r="CW15" s="660"/>
      <c r="CX15" s="660"/>
      <c r="CY15" s="661"/>
      <c r="CZ15" s="662">
        <v>19.8</v>
      </c>
      <c r="DA15" s="662"/>
      <c r="DB15" s="662"/>
      <c r="DC15" s="662"/>
      <c r="DD15" s="668">
        <v>641881</v>
      </c>
      <c r="DE15" s="660"/>
      <c r="DF15" s="660"/>
      <c r="DG15" s="660"/>
      <c r="DH15" s="660"/>
      <c r="DI15" s="660"/>
      <c r="DJ15" s="660"/>
      <c r="DK15" s="660"/>
      <c r="DL15" s="660"/>
      <c r="DM15" s="660"/>
      <c r="DN15" s="660"/>
      <c r="DO15" s="660"/>
      <c r="DP15" s="661"/>
      <c r="DQ15" s="668">
        <v>416833</v>
      </c>
      <c r="DR15" s="660"/>
      <c r="DS15" s="660"/>
      <c r="DT15" s="660"/>
      <c r="DU15" s="660"/>
      <c r="DV15" s="660"/>
      <c r="DW15" s="660"/>
      <c r="DX15" s="660"/>
      <c r="DY15" s="660"/>
      <c r="DZ15" s="660"/>
      <c r="EA15" s="660"/>
      <c r="EB15" s="660"/>
      <c r="EC15" s="669"/>
    </row>
    <row r="16" spans="2:143" ht="11.25" customHeight="1" x14ac:dyDescent="0.2">
      <c r="B16" s="656" t="s">
        <v>262</v>
      </c>
      <c r="C16" s="657"/>
      <c r="D16" s="657"/>
      <c r="E16" s="657"/>
      <c r="F16" s="657"/>
      <c r="G16" s="657"/>
      <c r="H16" s="657"/>
      <c r="I16" s="657"/>
      <c r="J16" s="657"/>
      <c r="K16" s="657"/>
      <c r="L16" s="657"/>
      <c r="M16" s="657"/>
      <c r="N16" s="657"/>
      <c r="O16" s="657"/>
      <c r="P16" s="657"/>
      <c r="Q16" s="658"/>
      <c r="R16" s="659">
        <v>6079</v>
      </c>
      <c r="S16" s="660"/>
      <c r="T16" s="660"/>
      <c r="U16" s="660"/>
      <c r="V16" s="660"/>
      <c r="W16" s="660"/>
      <c r="X16" s="660"/>
      <c r="Y16" s="661"/>
      <c r="Z16" s="662">
        <v>0.1</v>
      </c>
      <c r="AA16" s="662"/>
      <c r="AB16" s="662"/>
      <c r="AC16" s="662"/>
      <c r="AD16" s="663">
        <v>6079</v>
      </c>
      <c r="AE16" s="663"/>
      <c r="AF16" s="663"/>
      <c r="AG16" s="663"/>
      <c r="AH16" s="663"/>
      <c r="AI16" s="663"/>
      <c r="AJ16" s="663"/>
      <c r="AK16" s="663"/>
      <c r="AL16" s="664">
        <v>0.2</v>
      </c>
      <c r="AM16" s="665"/>
      <c r="AN16" s="665"/>
      <c r="AO16" s="666"/>
      <c r="AP16" s="656" t="s">
        <v>263</v>
      </c>
      <c r="AQ16" s="657"/>
      <c r="AR16" s="657"/>
      <c r="AS16" s="657"/>
      <c r="AT16" s="657"/>
      <c r="AU16" s="657"/>
      <c r="AV16" s="657"/>
      <c r="AW16" s="657"/>
      <c r="AX16" s="657"/>
      <c r="AY16" s="657"/>
      <c r="AZ16" s="657"/>
      <c r="BA16" s="657"/>
      <c r="BB16" s="657"/>
      <c r="BC16" s="657"/>
      <c r="BD16" s="657"/>
      <c r="BE16" s="657"/>
      <c r="BF16" s="658"/>
      <c r="BG16" s="659" t="s">
        <v>233</v>
      </c>
      <c r="BH16" s="660"/>
      <c r="BI16" s="660"/>
      <c r="BJ16" s="660"/>
      <c r="BK16" s="660"/>
      <c r="BL16" s="660"/>
      <c r="BM16" s="660"/>
      <c r="BN16" s="661"/>
      <c r="BO16" s="662" t="s">
        <v>129</v>
      </c>
      <c r="BP16" s="662"/>
      <c r="BQ16" s="662"/>
      <c r="BR16" s="662"/>
      <c r="BS16" s="663" t="s">
        <v>233</v>
      </c>
      <c r="BT16" s="663"/>
      <c r="BU16" s="663"/>
      <c r="BV16" s="663"/>
      <c r="BW16" s="663"/>
      <c r="BX16" s="663"/>
      <c r="BY16" s="663"/>
      <c r="BZ16" s="663"/>
      <c r="CA16" s="663"/>
      <c r="CB16" s="667"/>
      <c r="CD16" s="656" t="s">
        <v>264</v>
      </c>
      <c r="CE16" s="657"/>
      <c r="CF16" s="657"/>
      <c r="CG16" s="657"/>
      <c r="CH16" s="657"/>
      <c r="CI16" s="657"/>
      <c r="CJ16" s="657"/>
      <c r="CK16" s="657"/>
      <c r="CL16" s="657"/>
      <c r="CM16" s="657"/>
      <c r="CN16" s="657"/>
      <c r="CO16" s="657"/>
      <c r="CP16" s="657"/>
      <c r="CQ16" s="658"/>
      <c r="CR16" s="659" t="s">
        <v>233</v>
      </c>
      <c r="CS16" s="660"/>
      <c r="CT16" s="660"/>
      <c r="CU16" s="660"/>
      <c r="CV16" s="660"/>
      <c r="CW16" s="660"/>
      <c r="CX16" s="660"/>
      <c r="CY16" s="661"/>
      <c r="CZ16" s="662" t="s">
        <v>129</v>
      </c>
      <c r="DA16" s="662"/>
      <c r="DB16" s="662"/>
      <c r="DC16" s="662"/>
      <c r="DD16" s="668" t="s">
        <v>129</v>
      </c>
      <c r="DE16" s="660"/>
      <c r="DF16" s="660"/>
      <c r="DG16" s="660"/>
      <c r="DH16" s="660"/>
      <c r="DI16" s="660"/>
      <c r="DJ16" s="660"/>
      <c r="DK16" s="660"/>
      <c r="DL16" s="660"/>
      <c r="DM16" s="660"/>
      <c r="DN16" s="660"/>
      <c r="DO16" s="660"/>
      <c r="DP16" s="661"/>
      <c r="DQ16" s="668" t="s">
        <v>129</v>
      </c>
      <c r="DR16" s="660"/>
      <c r="DS16" s="660"/>
      <c r="DT16" s="660"/>
      <c r="DU16" s="660"/>
      <c r="DV16" s="660"/>
      <c r="DW16" s="660"/>
      <c r="DX16" s="660"/>
      <c r="DY16" s="660"/>
      <c r="DZ16" s="660"/>
      <c r="EA16" s="660"/>
      <c r="EB16" s="660"/>
      <c r="EC16" s="669"/>
    </row>
    <row r="17" spans="2:133" ht="11.25" customHeight="1" x14ac:dyDescent="0.2">
      <c r="B17" s="656" t="s">
        <v>265</v>
      </c>
      <c r="C17" s="657"/>
      <c r="D17" s="657"/>
      <c r="E17" s="657"/>
      <c r="F17" s="657"/>
      <c r="G17" s="657"/>
      <c r="H17" s="657"/>
      <c r="I17" s="657"/>
      <c r="J17" s="657"/>
      <c r="K17" s="657"/>
      <c r="L17" s="657"/>
      <c r="M17" s="657"/>
      <c r="N17" s="657"/>
      <c r="O17" s="657"/>
      <c r="P17" s="657"/>
      <c r="Q17" s="658"/>
      <c r="R17" s="659">
        <v>23119</v>
      </c>
      <c r="S17" s="660"/>
      <c r="T17" s="660"/>
      <c r="U17" s="660"/>
      <c r="V17" s="660"/>
      <c r="W17" s="660"/>
      <c r="X17" s="660"/>
      <c r="Y17" s="661"/>
      <c r="Z17" s="662">
        <v>0.4</v>
      </c>
      <c r="AA17" s="662"/>
      <c r="AB17" s="662"/>
      <c r="AC17" s="662"/>
      <c r="AD17" s="663">
        <v>23119</v>
      </c>
      <c r="AE17" s="663"/>
      <c r="AF17" s="663"/>
      <c r="AG17" s="663"/>
      <c r="AH17" s="663"/>
      <c r="AI17" s="663"/>
      <c r="AJ17" s="663"/>
      <c r="AK17" s="663"/>
      <c r="AL17" s="664">
        <v>0.7</v>
      </c>
      <c r="AM17" s="665"/>
      <c r="AN17" s="665"/>
      <c r="AO17" s="666"/>
      <c r="AP17" s="656" t="s">
        <v>266</v>
      </c>
      <c r="AQ17" s="657"/>
      <c r="AR17" s="657"/>
      <c r="AS17" s="657"/>
      <c r="AT17" s="657"/>
      <c r="AU17" s="657"/>
      <c r="AV17" s="657"/>
      <c r="AW17" s="657"/>
      <c r="AX17" s="657"/>
      <c r="AY17" s="657"/>
      <c r="AZ17" s="657"/>
      <c r="BA17" s="657"/>
      <c r="BB17" s="657"/>
      <c r="BC17" s="657"/>
      <c r="BD17" s="657"/>
      <c r="BE17" s="657"/>
      <c r="BF17" s="658"/>
      <c r="BG17" s="659" t="s">
        <v>129</v>
      </c>
      <c r="BH17" s="660"/>
      <c r="BI17" s="660"/>
      <c r="BJ17" s="660"/>
      <c r="BK17" s="660"/>
      <c r="BL17" s="660"/>
      <c r="BM17" s="660"/>
      <c r="BN17" s="661"/>
      <c r="BO17" s="662" t="s">
        <v>233</v>
      </c>
      <c r="BP17" s="662"/>
      <c r="BQ17" s="662"/>
      <c r="BR17" s="662"/>
      <c r="BS17" s="663" t="s">
        <v>129</v>
      </c>
      <c r="BT17" s="663"/>
      <c r="BU17" s="663"/>
      <c r="BV17" s="663"/>
      <c r="BW17" s="663"/>
      <c r="BX17" s="663"/>
      <c r="BY17" s="663"/>
      <c r="BZ17" s="663"/>
      <c r="CA17" s="663"/>
      <c r="CB17" s="667"/>
      <c r="CD17" s="656" t="s">
        <v>267</v>
      </c>
      <c r="CE17" s="657"/>
      <c r="CF17" s="657"/>
      <c r="CG17" s="657"/>
      <c r="CH17" s="657"/>
      <c r="CI17" s="657"/>
      <c r="CJ17" s="657"/>
      <c r="CK17" s="657"/>
      <c r="CL17" s="657"/>
      <c r="CM17" s="657"/>
      <c r="CN17" s="657"/>
      <c r="CO17" s="657"/>
      <c r="CP17" s="657"/>
      <c r="CQ17" s="658"/>
      <c r="CR17" s="659">
        <v>428614</v>
      </c>
      <c r="CS17" s="660"/>
      <c r="CT17" s="660"/>
      <c r="CU17" s="660"/>
      <c r="CV17" s="660"/>
      <c r="CW17" s="660"/>
      <c r="CX17" s="660"/>
      <c r="CY17" s="661"/>
      <c r="CZ17" s="662">
        <v>8.1</v>
      </c>
      <c r="DA17" s="662"/>
      <c r="DB17" s="662"/>
      <c r="DC17" s="662"/>
      <c r="DD17" s="668" t="s">
        <v>129</v>
      </c>
      <c r="DE17" s="660"/>
      <c r="DF17" s="660"/>
      <c r="DG17" s="660"/>
      <c r="DH17" s="660"/>
      <c r="DI17" s="660"/>
      <c r="DJ17" s="660"/>
      <c r="DK17" s="660"/>
      <c r="DL17" s="660"/>
      <c r="DM17" s="660"/>
      <c r="DN17" s="660"/>
      <c r="DO17" s="660"/>
      <c r="DP17" s="661"/>
      <c r="DQ17" s="668">
        <v>428614</v>
      </c>
      <c r="DR17" s="660"/>
      <c r="DS17" s="660"/>
      <c r="DT17" s="660"/>
      <c r="DU17" s="660"/>
      <c r="DV17" s="660"/>
      <c r="DW17" s="660"/>
      <c r="DX17" s="660"/>
      <c r="DY17" s="660"/>
      <c r="DZ17" s="660"/>
      <c r="EA17" s="660"/>
      <c r="EB17" s="660"/>
      <c r="EC17" s="669"/>
    </row>
    <row r="18" spans="2:133" ht="11.25" customHeight="1" x14ac:dyDescent="0.2">
      <c r="B18" s="656" t="s">
        <v>268</v>
      </c>
      <c r="C18" s="657"/>
      <c r="D18" s="657"/>
      <c r="E18" s="657"/>
      <c r="F18" s="657"/>
      <c r="G18" s="657"/>
      <c r="H18" s="657"/>
      <c r="I18" s="657"/>
      <c r="J18" s="657"/>
      <c r="K18" s="657"/>
      <c r="L18" s="657"/>
      <c r="M18" s="657"/>
      <c r="N18" s="657"/>
      <c r="O18" s="657"/>
      <c r="P18" s="657"/>
      <c r="Q18" s="658"/>
      <c r="R18" s="659">
        <v>9870</v>
      </c>
      <c r="S18" s="660"/>
      <c r="T18" s="660"/>
      <c r="U18" s="660"/>
      <c r="V18" s="660"/>
      <c r="W18" s="660"/>
      <c r="X18" s="660"/>
      <c r="Y18" s="661"/>
      <c r="Z18" s="662">
        <v>0.2</v>
      </c>
      <c r="AA18" s="662"/>
      <c r="AB18" s="662"/>
      <c r="AC18" s="662"/>
      <c r="AD18" s="663">
        <v>9870</v>
      </c>
      <c r="AE18" s="663"/>
      <c r="AF18" s="663"/>
      <c r="AG18" s="663"/>
      <c r="AH18" s="663"/>
      <c r="AI18" s="663"/>
      <c r="AJ18" s="663"/>
      <c r="AK18" s="663"/>
      <c r="AL18" s="664">
        <v>0.3</v>
      </c>
      <c r="AM18" s="665"/>
      <c r="AN18" s="665"/>
      <c r="AO18" s="666"/>
      <c r="AP18" s="656" t="s">
        <v>269</v>
      </c>
      <c r="AQ18" s="657"/>
      <c r="AR18" s="657"/>
      <c r="AS18" s="657"/>
      <c r="AT18" s="657"/>
      <c r="AU18" s="657"/>
      <c r="AV18" s="657"/>
      <c r="AW18" s="657"/>
      <c r="AX18" s="657"/>
      <c r="AY18" s="657"/>
      <c r="AZ18" s="657"/>
      <c r="BA18" s="657"/>
      <c r="BB18" s="657"/>
      <c r="BC18" s="657"/>
      <c r="BD18" s="657"/>
      <c r="BE18" s="657"/>
      <c r="BF18" s="658"/>
      <c r="BG18" s="659" t="s">
        <v>233</v>
      </c>
      <c r="BH18" s="660"/>
      <c r="BI18" s="660"/>
      <c r="BJ18" s="660"/>
      <c r="BK18" s="660"/>
      <c r="BL18" s="660"/>
      <c r="BM18" s="660"/>
      <c r="BN18" s="661"/>
      <c r="BO18" s="662" t="s">
        <v>129</v>
      </c>
      <c r="BP18" s="662"/>
      <c r="BQ18" s="662"/>
      <c r="BR18" s="662"/>
      <c r="BS18" s="663" t="s">
        <v>233</v>
      </c>
      <c r="BT18" s="663"/>
      <c r="BU18" s="663"/>
      <c r="BV18" s="663"/>
      <c r="BW18" s="663"/>
      <c r="BX18" s="663"/>
      <c r="BY18" s="663"/>
      <c r="BZ18" s="663"/>
      <c r="CA18" s="663"/>
      <c r="CB18" s="667"/>
      <c r="CD18" s="656" t="s">
        <v>270</v>
      </c>
      <c r="CE18" s="657"/>
      <c r="CF18" s="657"/>
      <c r="CG18" s="657"/>
      <c r="CH18" s="657"/>
      <c r="CI18" s="657"/>
      <c r="CJ18" s="657"/>
      <c r="CK18" s="657"/>
      <c r="CL18" s="657"/>
      <c r="CM18" s="657"/>
      <c r="CN18" s="657"/>
      <c r="CO18" s="657"/>
      <c r="CP18" s="657"/>
      <c r="CQ18" s="658"/>
      <c r="CR18" s="659" t="s">
        <v>233</v>
      </c>
      <c r="CS18" s="660"/>
      <c r="CT18" s="660"/>
      <c r="CU18" s="660"/>
      <c r="CV18" s="660"/>
      <c r="CW18" s="660"/>
      <c r="CX18" s="660"/>
      <c r="CY18" s="661"/>
      <c r="CZ18" s="662" t="s">
        <v>129</v>
      </c>
      <c r="DA18" s="662"/>
      <c r="DB18" s="662"/>
      <c r="DC18" s="662"/>
      <c r="DD18" s="668" t="s">
        <v>233</v>
      </c>
      <c r="DE18" s="660"/>
      <c r="DF18" s="660"/>
      <c r="DG18" s="660"/>
      <c r="DH18" s="660"/>
      <c r="DI18" s="660"/>
      <c r="DJ18" s="660"/>
      <c r="DK18" s="660"/>
      <c r="DL18" s="660"/>
      <c r="DM18" s="660"/>
      <c r="DN18" s="660"/>
      <c r="DO18" s="660"/>
      <c r="DP18" s="661"/>
      <c r="DQ18" s="668" t="s">
        <v>129</v>
      </c>
      <c r="DR18" s="660"/>
      <c r="DS18" s="660"/>
      <c r="DT18" s="660"/>
      <c r="DU18" s="660"/>
      <c r="DV18" s="660"/>
      <c r="DW18" s="660"/>
      <c r="DX18" s="660"/>
      <c r="DY18" s="660"/>
      <c r="DZ18" s="660"/>
      <c r="EA18" s="660"/>
      <c r="EB18" s="660"/>
      <c r="EC18" s="669"/>
    </row>
    <row r="19" spans="2:133" ht="11.25" customHeight="1" x14ac:dyDescent="0.2">
      <c r="B19" s="656" t="s">
        <v>271</v>
      </c>
      <c r="C19" s="657"/>
      <c r="D19" s="657"/>
      <c r="E19" s="657"/>
      <c r="F19" s="657"/>
      <c r="G19" s="657"/>
      <c r="H19" s="657"/>
      <c r="I19" s="657"/>
      <c r="J19" s="657"/>
      <c r="K19" s="657"/>
      <c r="L19" s="657"/>
      <c r="M19" s="657"/>
      <c r="N19" s="657"/>
      <c r="O19" s="657"/>
      <c r="P19" s="657"/>
      <c r="Q19" s="658"/>
      <c r="R19" s="659">
        <v>9870</v>
      </c>
      <c r="S19" s="660"/>
      <c r="T19" s="660"/>
      <c r="U19" s="660"/>
      <c r="V19" s="660"/>
      <c r="W19" s="660"/>
      <c r="X19" s="660"/>
      <c r="Y19" s="661"/>
      <c r="Z19" s="662">
        <v>0.2</v>
      </c>
      <c r="AA19" s="662"/>
      <c r="AB19" s="662"/>
      <c r="AC19" s="662"/>
      <c r="AD19" s="663">
        <v>9870</v>
      </c>
      <c r="AE19" s="663"/>
      <c r="AF19" s="663"/>
      <c r="AG19" s="663"/>
      <c r="AH19" s="663"/>
      <c r="AI19" s="663"/>
      <c r="AJ19" s="663"/>
      <c r="AK19" s="663"/>
      <c r="AL19" s="664">
        <v>0.3</v>
      </c>
      <c r="AM19" s="665"/>
      <c r="AN19" s="665"/>
      <c r="AO19" s="666"/>
      <c r="AP19" s="656" t="s">
        <v>272</v>
      </c>
      <c r="AQ19" s="657"/>
      <c r="AR19" s="657"/>
      <c r="AS19" s="657"/>
      <c r="AT19" s="657"/>
      <c r="AU19" s="657"/>
      <c r="AV19" s="657"/>
      <c r="AW19" s="657"/>
      <c r="AX19" s="657"/>
      <c r="AY19" s="657"/>
      <c r="AZ19" s="657"/>
      <c r="BA19" s="657"/>
      <c r="BB19" s="657"/>
      <c r="BC19" s="657"/>
      <c r="BD19" s="657"/>
      <c r="BE19" s="657"/>
      <c r="BF19" s="658"/>
      <c r="BG19" s="659" t="s">
        <v>129</v>
      </c>
      <c r="BH19" s="660"/>
      <c r="BI19" s="660"/>
      <c r="BJ19" s="660"/>
      <c r="BK19" s="660"/>
      <c r="BL19" s="660"/>
      <c r="BM19" s="660"/>
      <c r="BN19" s="661"/>
      <c r="BO19" s="662" t="s">
        <v>233</v>
      </c>
      <c r="BP19" s="662"/>
      <c r="BQ19" s="662"/>
      <c r="BR19" s="662"/>
      <c r="BS19" s="663" t="s">
        <v>233</v>
      </c>
      <c r="BT19" s="663"/>
      <c r="BU19" s="663"/>
      <c r="BV19" s="663"/>
      <c r="BW19" s="663"/>
      <c r="BX19" s="663"/>
      <c r="BY19" s="663"/>
      <c r="BZ19" s="663"/>
      <c r="CA19" s="663"/>
      <c r="CB19" s="667"/>
      <c r="CD19" s="656" t="s">
        <v>273</v>
      </c>
      <c r="CE19" s="657"/>
      <c r="CF19" s="657"/>
      <c r="CG19" s="657"/>
      <c r="CH19" s="657"/>
      <c r="CI19" s="657"/>
      <c r="CJ19" s="657"/>
      <c r="CK19" s="657"/>
      <c r="CL19" s="657"/>
      <c r="CM19" s="657"/>
      <c r="CN19" s="657"/>
      <c r="CO19" s="657"/>
      <c r="CP19" s="657"/>
      <c r="CQ19" s="658"/>
      <c r="CR19" s="659" t="s">
        <v>129</v>
      </c>
      <c r="CS19" s="660"/>
      <c r="CT19" s="660"/>
      <c r="CU19" s="660"/>
      <c r="CV19" s="660"/>
      <c r="CW19" s="660"/>
      <c r="CX19" s="660"/>
      <c r="CY19" s="661"/>
      <c r="CZ19" s="662" t="s">
        <v>129</v>
      </c>
      <c r="DA19" s="662"/>
      <c r="DB19" s="662"/>
      <c r="DC19" s="662"/>
      <c r="DD19" s="668" t="s">
        <v>129</v>
      </c>
      <c r="DE19" s="660"/>
      <c r="DF19" s="660"/>
      <c r="DG19" s="660"/>
      <c r="DH19" s="660"/>
      <c r="DI19" s="660"/>
      <c r="DJ19" s="660"/>
      <c r="DK19" s="660"/>
      <c r="DL19" s="660"/>
      <c r="DM19" s="660"/>
      <c r="DN19" s="660"/>
      <c r="DO19" s="660"/>
      <c r="DP19" s="661"/>
      <c r="DQ19" s="668" t="s">
        <v>233</v>
      </c>
      <c r="DR19" s="660"/>
      <c r="DS19" s="660"/>
      <c r="DT19" s="660"/>
      <c r="DU19" s="660"/>
      <c r="DV19" s="660"/>
      <c r="DW19" s="660"/>
      <c r="DX19" s="660"/>
      <c r="DY19" s="660"/>
      <c r="DZ19" s="660"/>
      <c r="EA19" s="660"/>
      <c r="EB19" s="660"/>
      <c r="EC19" s="669"/>
    </row>
    <row r="20" spans="2:133" ht="11.25" customHeight="1" x14ac:dyDescent="0.2">
      <c r="B20" s="672" t="s">
        <v>274</v>
      </c>
      <c r="C20" s="673"/>
      <c r="D20" s="673"/>
      <c r="E20" s="673"/>
      <c r="F20" s="673"/>
      <c r="G20" s="673"/>
      <c r="H20" s="673"/>
      <c r="I20" s="673"/>
      <c r="J20" s="673"/>
      <c r="K20" s="673"/>
      <c r="L20" s="673"/>
      <c r="M20" s="673"/>
      <c r="N20" s="673"/>
      <c r="O20" s="673"/>
      <c r="P20" s="673"/>
      <c r="Q20" s="674"/>
      <c r="R20" s="659" t="s">
        <v>129</v>
      </c>
      <c r="S20" s="660"/>
      <c r="T20" s="660"/>
      <c r="U20" s="660"/>
      <c r="V20" s="660"/>
      <c r="W20" s="660"/>
      <c r="X20" s="660"/>
      <c r="Y20" s="661"/>
      <c r="Z20" s="662" t="s">
        <v>129</v>
      </c>
      <c r="AA20" s="662"/>
      <c r="AB20" s="662"/>
      <c r="AC20" s="662"/>
      <c r="AD20" s="663" t="s">
        <v>129</v>
      </c>
      <c r="AE20" s="663"/>
      <c r="AF20" s="663"/>
      <c r="AG20" s="663"/>
      <c r="AH20" s="663"/>
      <c r="AI20" s="663"/>
      <c r="AJ20" s="663"/>
      <c r="AK20" s="663"/>
      <c r="AL20" s="664" t="s">
        <v>233</v>
      </c>
      <c r="AM20" s="665"/>
      <c r="AN20" s="665"/>
      <c r="AO20" s="666"/>
      <c r="AP20" s="656" t="s">
        <v>275</v>
      </c>
      <c r="AQ20" s="657"/>
      <c r="AR20" s="657"/>
      <c r="AS20" s="657"/>
      <c r="AT20" s="657"/>
      <c r="AU20" s="657"/>
      <c r="AV20" s="657"/>
      <c r="AW20" s="657"/>
      <c r="AX20" s="657"/>
      <c r="AY20" s="657"/>
      <c r="AZ20" s="657"/>
      <c r="BA20" s="657"/>
      <c r="BB20" s="657"/>
      <c r="BC20" s="657"/>
      <c r="BD20" s="657"/>
      <c r="BE20" s="657"/>
      <c r="BF20" s="658"/>
      <c r="BG20" s="659" t="s">
        <v>233</v>
      </c>
      <c r="BH20" s="660"/>
      <c r="BI20" s="660"/>
      <c r="BJ20" s="660"/>
      <c r="BK20" s="660"/>
      <c r="BL20" s="660"/>
      <c r="BM20" s="660"/>
      <c r="BN20" s="661"/>
      <c r="BO20" s="662" t="s">
        <v>233</v>
      </c>
      <c r="BP20" s="662"/>
      <c r="BQ20" s="662"/>
      <c r="BR20" s="662"/>
      <c r="BS20" s="663" t="s">
        <v>233</v>
      </c>
      <c r="BT20" s="663"/>
      <c r="BU20" s="663"/>
      <c r="BV20" s="663"/>
      <c r="BW20" s="663"/>
      <c r="BX20" s="663"/>
      <c r="BY20" s="663"/>
      <c r="BZ20" s="663"/>
      <c r="CA20" s="663"/>
      <c r="CB20" s="667"/>
      <c r="CD20" s="656" t="s">
        <v>276</v>
      </c>
      <c r="CE20" s="657"/>
      <c r="CF20" s="657"/>
      <c r="CG20" s="657"/>
      <c r="CH20" s="657"/>
      <c r="CI20" s="657"/>
      <c r="CJ20" s="657"/>
      <c r="CK20" s="657"/>
      <c r="CL20" s="657"/>
      <c r="CM20" s="657"/>
      <c r="CN20" s="657"/>
      <c r="CO20" s="657"/>
      <c r="CP20" s="657"/>
      <c r="CQ20" s="658"/>
      <c r="CR20" s="659">
        <v>5265852</v>
      </c>
      <c r="CS20" s="660"/>
      <c r="CT20" s="660"/>
      <c r="CU20" s="660"/>
      <c r="CV20" s="660"/>
      <c r="CW20" s="660"/>
      <c r="CX20" s="660"/>
      <c r="CY20" s="661"/>
      <c r="CZ20" s="662">
        <v>100</v>
      </c>
      <c r="DA20" s="662"/>
      <c r="DB20" s="662"/>
      <c r="DC20" s="662"/>
      <c r="DD20" s="668">
        <v>812344</v>
      </c>
      <c r="DE20" s="660"/>
      <c r="DF20" s="660"/>
      <c r="DG20" s="660"/>
      <c r="DH20" s="660"/>
      <c r="DI20" s="660"/>
      <c r="DJ20" s="660"/>
      <c r="DK20" s="660"/>
      <c r="DL20" s="660"/>
      <c r="DM20" s="660"/>
      <c r="DN20" s="660"/>
      <c r="DO20" s="660"/>
      <c r="DP20" s="661"/>
      <c r="DQ20" s="668">
        <v>3580242</v>
      </c>
      <c r="DR20" s="660"/>
      <c r="DS20" s="660"/>
      <c r="DT20" s="660"/>
      <c r="DU20" s="660"/>
      <c r="DV20" s="660"/>
      <c r="DW20" s="660"/>
      <c r="DX20" s="660"/>
      <c r="DY20" s="660"/>
      <c r="DZ20" s="660"/>
      <c r="EA20" s="660"/>
      <c r="EB20" s="660"/>
      <c r="EC20" s="669"/>
    </row>
    <row r="21" spans="2:133" ht="11.25" customHeight="1" x14ac:dyDescent="0.2">
      <c r="B21" s="656" t="s">
        <v>277</v>
      </c>
      <c r="C21" s="657"/>
      <c r="D21" s="657"/>
      <c r="E21" s="657"/>
      <c r="F21" s="657"/>
      <c r="G21" s="657"/>
      <c r="H21" s="657"/>
      <c r="I21" s="657"/>
      <c r="J21" s="657"/>
      <c r="K21" s="657"/>
      <c r="L21" s="657"/>
      <c r="M21" s="657"/>
      <c r="N21" s="657"/>
      <c r="O21" s="657"/>
      <c r="P21" s="657"/>
      <c r="Q21" s="658"/>
      <c r="R21" s="659">
        <v>1304482</v>
      </c>
      <c r="S21" s="660"/>
      <c r="T21" s="660"/>
      <c r="U21" s="660"/>
      <c r="V21" s="660"/>
      <c r="W21" s="660"/>
      <c r="X21" s="660"/>
      <c r="Y21" s="661"/>
      <c r="Z21" s="662">
        <v>22.8</v>
      </c>
      <c r="AA21" s="662"/>
      <c r="AB21" s="662"/>
      <c r="AC21" s="662"/>
      <c r="AD21" s="663">
        <v>1204331</v>
      </c>
      <c r="AE21" s="663"/>
      <c r="AF21" s="663"/>
      <c r="AG21" s="663"/>
      <c r="AH21" s="663"/>
      <c r="AI21" s="663"/>
      <c r="AJ21" s="663"/>
      <c r="AK21" s="663"/>
      <c r="AL21" s="664">
        <v>37.5</v>
      </c>
      <c r="AM21" s="665"/>
      <c r="AN21" s="665"/>
      <c r="AO21" s="666"/>
      <c r="AP21" s="656" t="s">
        <v>278</v>
      </c>
      <c r="AQ21" s="675"/>
      <c r="AR21" s="675"/>
      <c r="AS21" s="675"/>
      <c r="AT21" s="675"/>
      <c r="AU21" s="675"/>
      <c r="AV21" s="675"/>
      <c r="AW21" s="675"/>
      <c r="AX21" s="675"/>
      <c r="AY21" s="675"/>
      <c r="AZ21" s="675"/>
      <c r="BA21" s="675"/>
      <c r="BB21" s="675"/>
      <c r="BC21" s="675"/>
      <c r="BD21" s="675"/>
      <c r="BE21" s="675"/>
      <c r="BF21" s="676"/>
      <c r="BG21" s="659" t="s">
        <v>129</v>
      </c>
      <c r="BH21" s="660"/>
      <c r="BI21" s="660"/>
      <c r="BJ21" s="660"/>
      <c r="BK21" s="660"/>
      <c r="BL21" s="660"/>
      <c r="BM21" s="660"/>
      <c r="BN21" s="661"/>
      <c r="BO21" s="662" t="s">
        <v>233</v>
      </c>
      <c r="BP21" s="662"/>
      <c r="BQ21" s="662"/>
      <c r="BR21" s="662"/>
      <c r="BS21" s="663" t="s">
        <v>233</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79</v>
      </c>
      <c r="C22" s="657"/>
      <c r="D22" s="657"/>
      <c r="E22" s="657"/>
      <c r="F22" s="657"/>
      <c r="G22" s="657"/>
      <c r="H22" s="657"/>
      <c r="I22" s="657"/>
      <c r="J22" s="657"/>
      <c r="K22" s="657"/>
      <c r="L22" s="657"/>
      <c r="M22" s="657"/>
      <c r="N22" s="657"/>
      <c r="O22" s="657"/>
      <c r="P22" s="657"/>
      <c r="Q22" s="658"/>
      <c r="R22" s="659">
        <v>1204331</v>
      </c>
      <c r="S22" s="660"/>
      <c r="T22" s="660"/>
      <c r="U22" s="660"/>
      <c r="V22" s="660"/>
      <c r="W22" s="660"/>
      <c r="X22" s="660"/>
      <c r="Y22" s="661"/>
      <c r="Z22" s="662">
        <v>21</v>
      </c>
      <c r="AA22" s="662"/>
      <c r="AB22" s="662"/>
      <c r="AC22" s="662"/>
      <c r="AD22" s="663">
        <v>1204331</v>
      </c>
      <c r="AE22" s="663"/>
      <c r="AF22" s="663"/>
      <c r="AG22" s="663"/>
      <c r="AH22" s="663"/>
      <c r="AI22" s="663"/>
      <c r="AJ22" s="663"/>
      <c r="AK22" s="663"/>
      <c r="AL22" s="664">
        <v>37.5</v>
      </c>
      <c r="AM22" s="665"/>
      <c r="AN22" s="665"/>
      <c r="AO22" s="666"/>
      <c r="AP22" s="656" t="s">
        <v>280</v>
      </c>
      <c r="AQ22" s="675"/>
      <c r="AR22" s="675"/>
      <c r="AS22" s="675"/>
      <c r="AT22" s="675"/>
      <c r="AU22" s="675"/>
      <c r="AV22" s="675"/>
      <c r="AW22" s="675"/>
      <c r="AX22" s="675"/>
      <c r="AY22" s="675"/>
      <c r="AZ22" s="675"/>
      <c r="BA22" s="675"/>
      <c r="BB22" s="675"/>
      <c r="BC22" s="675"/>
      <c r="BD22" s="675"/>
      <c r="BE22" s="675"/>
      <c r="BF22" s="676"/>
      <c r="BG22" s="659" t="s">
        <v>129</v>
      </c>
      <c r="BH22" s="660"/>
      <c r="BI22" s="660"/>
      <c r="BJ22" s="660"/>
      <c r="BK22" s="660"/>
      <c r="BL22" s="660"/>
      <c r="BM22" s="660"/>
      <c r="BN22" s="661"/>
      <c r="BO22" s="662" t="s">
        <v>233</v>
      </c>
      <c r="BP22" s="662"/>
      <c r="BQ22" s="662"/>
      <c r="BR22" s="662"/>
      <c r="BS22" s="663" t="s">
        <v>233</v>
      </c>
      <c r="BT22" s="663"/>
      <c r="BU22" s="663"/>
      <c r="BV22" s="663"/>
      <c r="BW22" s="663"/>
      <c r="BX22" s="663"/>
      <c r="BY22" s="663"/>
      <c r="BZ22" s="663"/>
      <c r="CA22" s="663"/>
      <c r="CB22" s="667"/>
      <c r="CD22" s="641" t="s">
        <v>281</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2</v>
      </c>
      <c r="C23" s="657"/>
      <c r="D23" s="657"/>
      <c r="E23" s="657"/>
      <c r="F23" s="657"/>
      <c r="G23" s="657"/>
      <c r="H23" s="657"/>
      <c r="I23" s="657"/>
      <c r="J23" s="657"/>
      <c r="K23" s="657"/>
      <c r="L23" s="657"/>
      <c r="M23" s="657"/>
      <c r="N23" s="657"/>
      <c r="O23" s="657"/>
      <c r="P23" s="657"/>
      <c r="Q23" s="658"/>
      <c r="R23" s="659">
        <v>100151</v>
      </c>
      <c r="S23" s="660"/>
      <c r="T23" s="660"/>
      <c r="U23" s="660"/>
      <c r="V23" s="660"/>
      <c r="W23" s="660"/>
      <c r="X23" s="660"/>
      <c r="Y23" s="661"/>
      <c r="Z23" s="662">
        <v>1.7</v>
      </c>
      <c r="AA23" s="662"/>
      <c r="AB23" s="662"/>
      <c r="AC23" s="662"/>
      <c r="AD23" s="663" t="s">
        <v>129</v>
      </c>
      <c r="AE23" s="663"/>
      <c r="AF23" s="663"/>
      <c r="AG23" s="663"/>
      <c r="AH23" s="663"/>
      <c r="AI23" s="663"/>
      <c r="AJ23" s="663"/>
      <c r="AK23" s="663"/>
      <c r="AL23" s="664" t="s">
        <v>129</v>
      </c>
      <c r="AM23" s="665"/>
      <c r="AN23" s="665"/>
      <c r="AO23" s="666"/>
      <c r="AP23" s="656" t="s">
        <v>283</v>
      </c>
      <c r="AQ23" s="675"/>
      <c r="AR23" s="675"/>
      <c r="AS23" s="675"/>
      <c r="AT23" s="675"/>
      <c r="AU23" s="675"/>
      <c r="AV23" s="675"/>
      <c r="AW23" s="675"/>
      <c r="AX23" s="675"/>
      <c r="AY23" s="675"/>
      <c r="AZ23" s="675"/>
      <c r="BA23" s="675"/>
      <c r="BB23" s="675"/>
      <c r="BC23" s="675"/>
      <c r="BD23" s="675"/>
      <c r="BE23" s="675"/>
      <c r="BF23" s="676"/>
      <c r="BG23" s="659" t="s">
        <v>129</v>
      </c>
      <c r="BH23" s="660"/>
      <c r="BI23" s="660"/>
      <c r="BJ23" s="660"/>
      <c r="BK23" s="660"/>
      <c r="BL23" s="660"/>
      <c r="BM23" s="660"/>
      <c r="BN23" s="661"/>
      <c r="BO23" s="662" t="s">
        <v>233</v>
      </c>
      <c r="BP23" s="662"/>
      <c r="BQ23" s="662"/>
      <c r="BR23" s="662"/>
      <c r="BS23" s="663" t="s">
        <v>129</v>
      </c>
      <c r="BT23" s="663"/>
      <c r="BU23" s="663"/>
      <c r="BV23" s="663"/>
      <c r="BW23" s="663"/>
      <c r="BX23" s="663"/>
      <c r="BY23" s="663"/>
      <c r="BZ23" s="663"/>
      <c r="CA23" s="663"/>
      <c r="CB23" s="667"/>
      <c r="CD23" s="641" t="s">
        <v>222</v>
      </c>
      <c r="CE23" s="642"/>
      <c r="CF23" s="642"/>
      <c r="CG23" s="642"/>
      <c r="CH23" s="642"/>
      <c r="CI23" s="642"/>
      <c r="CJ23" s="642"/>
      <c r="CK23" s="642"/>
      <c r="CL23" s="642"/>
      <c r="CM23" s="642"/>
      <c r="CN23" s="642"/>
      <c r="CO23" s="642"/>
      <c r="CP23" s="642"/>
      <c r="CQ23" s="643"/>
      <c r="CR23" s="641" t="s">
        <v>284</v>
      </c>
      <c r="CS23" s="642"/>
      <c r="CT23" s="642"/>
      <c r="CU23" s="642"/>
      <c r="CV23" s="642"/>
      <c r="CW23" s="642"/>
      <c r="CX23" s="642"/>
      <c r="CY23" s="643"/>
      <c r="CZ23" s="641" t="s">
        <v>285</v>
      </c>
      <c r="DA23" s="642"/>
      <c r="DB23" s="642"/>
      <c r="DC23" s="643"/>
      <c r="DD23" s="641" t="s">
        <v>286</v>
      </c>
      <c r="DE23" s="642"/>
      <c r="DF23" s="642"/>
      <c r="DG23" s="642"/>
      <c r="DH23" s="642"/>
      <c r="DI23" s="642"/>
      <c r="DJ23" s="642"/>
      <c r="DK23" s="643"/>
      <c r="DL23" s="686" t="s">
        <v>287</v>
      </c>
      <c r="DM23" s="687"/>
      <c r="DN23" s="687"/>
      <c r="DO23" s="687"/>
      <c r="DP23" s="687"/>
      <c r="DQ23" s="687"/>
      <c r="DR23" s="687"/>
      <c r="DS23" s="687"/>
      <c r="DT23" s="687"/>
      <c r="DU23" s="687"/>
      <c r="DV23" s="688"/>
      <c r="DW23" s="641" t="s">
        <v>288</v>
      </c>
      <c r="DX23" s="642"/>
      <c r="DY23" s="642"/>
      <c r="DZ23" s="642"/>
      <c r="EA23" s="642"/>
      <c r="EB23" s="642"/>
      <c r="EC23" s="643"/>
    </row>
    <row r="24" spans="2:133" ht="11.25" customHeight="1" x14ac:dyDescent="0.2">
      <c r="B24" s="656" t="s">
        <v>289</v>
      </c>
      <c r="C24" s="657"/>
      <c r="D24" s="657"/>
      <c r="E24" s="657"/>
      <c r="F24" s="657"/>
      <c r="G24" s="657"/>
      <c r="H24" s="657"/>
      <c r="I24" s="657"/>
      <c r="J24" s="657"/>
      <c r="K24" s="657"/>
      <c r="L24" s="657"/>
      <c r="M24" s="657"/>
      <c r="N24" s="657"/>
      <c r="O24" s="657"/>
      <c r="P24" s="657"/>
      <c r="Q24" s="658"/>
      <c r="R24" s="659" t="s">
        <v>129</v>
      </c>
      <c r="S24" s="660"/>
      <c r="T24" s="660"/>
      <c r="U24" s="660"/>
      <c r="V24" s="660"/>
      <c r="W24" s="660"/>
      <c r="X24" s="660"/>
      <c r="Y24" s="661"/>
      <c r="Z24" s="662" t="s">
        <v>129</v>
      </c>
      <c r="AA24" s="662"/>
      <c r="AB24" s="662"/>
      <c r="AC24" s="662"/>
      <c r="AD24" s="663" t="s">
        <v>129</v>
      </c>
      <c r="AE24" s="663"/>
      <c r="AF24" s="663"/>
      <c r="AG24" s="663"/>
      <c r="AH24" s="663"/>
      <c r="AI24" s="663"/>
      <c r="AJ24" s="663"/>
      <c r="AK24" s="663"/>
      <c r="AL24" s="664" t="s">
        <v>233</v>
      </c>
      <c r="AM24" s="665"/>
      <c r="AN24" s="665"/>
      <c r="AO24" s="666"/>
      <c r="AP24" s="656" t="s">
        <v>290</v>
      </c>
      <c r="AQ24" s="675"/>
      <c r="AR24" s="675"/>
      <c r="AS24" s="675"/>
      <c r="AT24" s="675"/>
      <c r="AU24" s="675"/>
      <c r="AV24" s="675"/>
      <c r="AW24" s="675"/>
      <c r="AX24" s="675"/>
      <c r="AY24" s="675"/>
      <c r="AZ24" s="675"/>
      <c r="BA24" s="675"/>
      <c r="BB24" s="675"/>
      <c r="BC24" s="675"/>
      <c r="BD24" s="675"/>
      <c r="BE24" s="675"/>
      <c r="BF24" s="676"/>
      <c r="BG24" s="659" t="s">
        <v>233</v>
      </c>
      <c r="BH24" s="660"/>
      <c r="BI24" s="660"/>
      <c r="BJ24" s="660"/>
      <c r="BK24" s="660"/>
      <c r="BL24" s="660"/>
      <c r="BM24" s="660"/>
      <c r="BN24" s="661"/>
      <c r="BO24" s="662" t="s">
        <v>129</v>
      </c>
      <c r="BP24" s="662"/>
      <c r="BQ24" s="662"/>
      <c r="BR24" s="662"/>
      <c r="BS24" s="663" t="s">
        <v>129</v>
      </c>
      <c r="BT24" s="663"/>
      <c r="BU24" s="663"/>
      <c r="BV24" s="663"/>
      <c r="BW24" s="663"/>
      <c r="BX24" s="663"/>
      <c r="BY24" s="663"/>
      <c r="BZ24" s="663"/>
      <c r="CA24" s="663"/>
      <c r="CB24" s="667"/>
      <c r="CD24" s="645" t="s">
        <v>291</v>
      </c>
      <c r="CE24" s="646"/>
      <c r="CF24" s="646"/>
      <c r="CG24" s="646"/>
      <c r="CH24" s="646"/>
      <c r="CI24" s="646"/>
      <c r="CJ24" s="646"/>
      <c r="CK24" s="646"/>
      <c r="CL24" s="646"/>
      <c r="CM24" s="646"/>
      <c r="CN24" s="646"/>
      <c r="CO24" s="646"/>
      <c r="CP24" s="646"/>
      <c r="CQ24" s="647"/>
      <c r="CR24" s="648">
        <v>2160762</v>
      </c>
      <c r="CS24" s="649"/>
      <c r="CT24" s="649"/>
      <c r="CU24" s="649"/>
      <c r="CV24" s="649"/>
      <c r="CW24" s="649"/>
      <c r="CX24" s="649"/>
      <c r="CY24" s="650"/>
      <c r="CZ24" s="653">
        <v>41</v>
      </c>
      <c r="DA24" s="654"/>
      <c r="DB24" s="654"/>
      <c r="DC24" s="670"/>
      <c r="DD24" s="689">
        <v>1512796</v>
      </c>
      <c r="DE24" s="649"/>
      <c r="DF24" s="649"/>
      <c r="DG24" s="649"/>
      <c r="DH24" s="649"/>
      <c r="DI24" s="649"/>
      <c r="DJ24" s="649"/>
      <c r="DK24" s="650"/>
      <c r="DL24" s="689">
        <v>1507525</v>
      </c>
      <c r="DM24" s="649"/>
      <c r="DN24" s="649"/>
      <c r="DO24" s="649"/>
      <c r="DP24" s="649"/>
      <c r="DQ24" s="649"/>
      <c r="DR24" s="649"/>
      <c r="DS24" s="649"/>
      <c r="DT24" s="649"/>
      <c r="DU24" s="649"/>
      <c r="DV24" s="650"/>
      <c r="DW24" s="653">
        <v>46</v>
      </c>
      <c r="DX24" s="654"/>
      <c r="DY24" s="654"/>
      <c r="DZ24" s="654"/>
      <c r="EA24" s="654"/>
      <c r="EB24" s="654"/>
      <c r="EC24" s="655"/>
    </row>
    <row r="25" spans="2:133" ht="11.25" customHeight="1" x14ac:dyDescent="0.2">
      <c r="B25" s="656" t="s">
        <v>292</v>
      </c>
      <c r="C25" s="657"/>
      <c r="D25" s="657"/>
      <c r="E25" s="657"/>
      <c r="F25" s="657"/>
      <c r="G25" s="657"/>
      <c r="H25" s="657"/>
      <c r="I25" s="657"/>
      <c r="J25" s="657"/>
      <c r="K25" s="657"/>
      <c r="L25" s="657"/>
      <c r="M25" s="657"/>
      <c r="N25" s="657"/>
      <c r="O25" s="657"/>
      <c r="P25" s="657"/>
      <c r="Q25" s="658"/>
      <c r="R25" s="659">
        <v>3241629</v>
      </c>
      <c r="S25" s="660"/>
      <c r="T25" s="660"/>
      <c r="U25" s="660"/>
      <c r="V25" s="660"/>
      <c r="W25" s="660"/>
      <c r="X25" s="660"/>
      <c r="Y25" s="661"/>
      <c r="Z25" s="662">
        <v>56.5</v>
      </c>
      <c r="AA25" s="662"/>
      <c r="AB25" s="662"/>
      <c r="AC25" s="662"/>
      <c r="AD25" s="663">
        <v>3141478</v>
      </c>
      <c r="AE25" s="663"/>
      <c r="AF25" s="663"/>
      <c r="AG25" s="663"/>
      <c r="AH25" s="663"/>
      <c r="AI25" s="663"/>
      <c r="AJ25" s="663"/>
      <c r="AK25" s="663"/>
      <c r="AL25" s="664">
        <v>97.8</v>
      </c>
      <c r="AM25" s="665"/>
      <c r="AN25" s="665"/>
      <c r="AO25" s="666"/>
      <c r="AP25" s="656" t="s">
        <v>293</v>
      </c>
      <c r="AQ25" s="675"/>
      <c r="AR25" s="675"/>
      <c r="AS25" s="675"/>
      <c r="AT25" s="675"/>
      <c r="AU25" s="675"/>
      <c r="AV25" s="675"/>
      <c r="AW25" s="675"/>
      <c r="AX25" s="675"/>
      <c r="AY25" s="675"/>
      <c r="AZ25" s="675"/>
      <c r="BA25" s="675"/>
      <c r="BB25" s="675"/>
      <c r="BC25" s="675"/>
      <c r="BD25" s="675"/>
      <c r="BE25" s="675"/>
      <c r="BF25" s="676"/>
      <c r="BG25" s="659" t="s">
        <v>129</v>
      </c>
      <c r="BH25" s="660"/>
      <c r="BI25" s="660"/>
      <c r="BJ25" s="660"/>
      <c r="BK25" s="660"/>
      <c r="BL25" s="660"/>
      <c r="BM25" s="660"/>
      <c r="BN25" s="661"/>
      <c r="BO25" s="662" t="s">
        <v>233</v>
      </c>
      <c r="BP25" s="662"/>
      <c r="BQ25" s="662"/>
      <c r="BR25" s="662"/>
      <c r="BS25" s="663" t="s">
        <v>129</v>
      </c>
      <c r="BT25" s="663"/>
      <c r="BU25" s="663"/>
      <c r="BV25" s="663"/>
      <c r="BW25" s="663"/>
      <c r="BX25" s="663"/>
      <c r="BY25" s="663"/>
      <c r="BZ25" s="663"/>
      <c r="CA25" s="663"/>
      <c r="CB25" s="667"/>
      <c r="CD25" s="656" t="s">
        <v>294</v>
      </c>
      <c r="CE25" s="657"/>
      <c r="CF25" s="657"/>
      <c r="CG25" s="657"/>
      <c r="CH25" s="657"/>
      <c r="CI25" s="657"/>
      <c r="CJ25" s="657"/>
      <c r="CK25" s="657"/>
      <c r="CL25" s="657"/>
      <c r="CM25" s="657"/>
      <c r="CN25" s="657"/>
      <c r="CO25" s="657"/>
      <c r="CP25" s="657"/>
      <c r="CQ25" s="658"/>
      <c r="CR25" s="659">
        <v>1004540</v>
      </c>
      <c r="CS25" s="692"/>
      <c r="CT25" s="692"/>
      <c r="CU25" s="692"/>
      <c r="CV25" s="692"/>
      <c r="CW25" s="692"/>
      <c r="CX25" s="692"/>
      <c r="CY25" s="693"/>
      <c r="CZ25" s="664">
        <v>19.100000000000001</v>
      </c>
      <c r="DA25" s="690"/>
      <c r="DB25" s="690"/>
      <c r="DC25" s="694"/>
      <c r="DD25" s="668">
        <v>881524</v>
      </c>
      <c r="DE25" s="692"/>
      <c r="DF25" s="692"/>
      <c r="DG25" s="692"/>
      <c r="DH25" s="692"/>
      <c r="DI25" s="692"/>
      <c r="DJ25" s="692"/>
      <c r="DK25" s="693"/>
      <c r="DL25" s="668">
        <v>876453</v>
      </c>
      <c r="DM25" s="692"/>
      <c r="DN25" s="692"/>
      <c r="DO25" s="692"/>
      <c r="DP25" s="692"/>
      <c r="DQ25" s="692"/>
      <c r="DR25" s="692"/>
      <c r="DS25" s="692"/>
      <c r="DT25" s="692"/>
      <c r="DU25" s="692"/>
      <c r="DV25" s="693"/>
      <c r="DW25" s="664">
        <v>26.7</v>
      </c>
      <c r="DX25" s="690"/>
      <c r="DY25" s="690"/>
      <c r="DZ25" s="690"/>
      <c r="EA25" s="690"/>
      <c r="EB25" s="690"/>
      <c r="EC25" s="691"/>
    </row>
    <row r="26" spans="2:133" ht="11.25" customHeight="1" x14ac:dyDescent="0.2">
      <c r="B26" s="656" t="s">
        <v>295</v>
      </c>
      <c r="C26" s="657"/>
      <c r="D26" s="657"/>
      <c r="E26" s="657"/>
      <c r="F26" s="657"/>
      <c r="G26" s="657"/>
      <c r="H26" s="657"/>
      <c r="I26" s="657"/>
      <c r="J26" s="657"/>
      <c r="K26" s="657"/>
      <c r="L26" s="657"/>
      <c r="M26" s="657"/>
      <c r="N26" s="657"/>
      <c r="O26" s="657"/>
      <c r="P26" s="657"/>
      <c r="Q26" s="658"/>
      <c r="R26" s="659">
        <v>1565</v>
      </c>
      <c r="S26" s="660"/>
      <c r="T26" s="660"/>
      <c r="U26" s="660"/>
      <c r="V26" s="660"/>
      <c r="W26" s="660"/>
      <c r="X26" s="660"/>
      <c r="Y26" s="661"/>
      <c r="Z26" s="662">
        <v>0</v>
      </c>
      <c r="AA26" s="662"/>
      <c r="AB26" s="662"/>
      <c r="AC26" s="662"/>
      <c r="AD26" s="663">
        <v>1565</v>
      </c>
      <c r="AE26" s="663"/>
      <c r="AF26" s="663"/>
      <c r="AG26" s="663"/>
      <c r="AH26" s="663"/>
      <c r="AI26" s="663"/>
      <c r="AJ26" s="663"/>
      <c r="AK26" s="663"/>
      <c r="AL26" s="664">
        <v>0</v>
      </c>
      <c r="AM26" s="665"/>
      <c r="AN26" s="665"/>
      <c r="AO26" s="666"/>
      <c r="AP26" s="656" t="s">
        <v>296</v>
      </c>
      <c r="AQ26" s="675"/>
      <c r="AR26" s="675"/>
      <c r="AS26" s="675"/>
      <c r="AT26" s="675"/>
      <c r="AU26" s="675"/>
      <c r="AV26" s="675"/>
      <c r="AW26" s="675"/>
      <c r="AX26" s="675"/>
      <c r="AY26" s="675"/>
      <c r="AZ26" s="675"/>
      <c r="BA26" s="675"/>
      <c r="BB26" s="675"/>
      <c r="BC26" s="675"/>
      <c r="BD26" s="675"/>
      <c r="BE26" s="675"/>
      <c r="BF26" s="676"/>
      <c r="BG26" s="659" t="s">
        <v>129</v>
      </c>
      <c r="BH26" s="660"/>
      <c r="BI26" s="660"/>
      <c r="BJ26" s="660"/>
      <c r="BK26" s="660"/>
      <c r="BL26" s="660"/>
      <c r="BM26" s="660"/>
      <c r="BN26" s="661"/>
      <c r="BO26" s="662" t="s">
        <v>129</v>
      </c>
      <c r="BP26" s="662"/>
      <c r="BQ26" s="662"/>
      <c r="BR26" s="662"/>
      <c r="BS26" s="663" t="s">
        <v>233</v>
      </c>
      <c r="BT26" s="663"/>
      <c r="BU26" s="663"/>
      <c r="BV26" s="663"/>
      <c r="BW26" s="663"/>
      <c r="BX26" s="663"/>
      <c r="BY26" s="663"/>
      <c r="BZ26" s="663"/>
      <c r="CA26" s="663"/>
      <c r="CB26" s="667"/>
      <c r="CD26" s="656" t="s">
        <v>297</v>
      </c>
      <c r="CE26" s="657"/>
      <c r="CF26" s="657"/>
      <c r="CG26" s="657"/>
      <c r="CH26" s="657"/>
      <c r="CI26" s="657"/>
      <c r="CJ26" s="657"/>
      <c r="CK26" s="657"/>
      <c r="CL26" s="657"/>
      <c r="CM26" s="657"/>
      <c r="CN26" s="657"/>
      <c r="CO26" s="657"/>
      <c r="CP26" s="657"/>
      <c r="CQ26" s="658"/>
      <c r="CR26" s="659">
        <v>566359</v>
      </c>
      <c r="CS26" s="660"/>
      <c r="CT26" s="660"/>
      <c r="CU26" s="660"/>
      <c r="CV26" s="660"/>
      <c r="CW26" s="660"/>
      <c r="CX26" s="660"/>
      <c r="CY26" s="661"/>
      <c r="CZ26" s="664">
        <v>10.8</v>
      </c>
      <c r="DA26" s="690"/>
      <c r="DB26" s="690"/>
      <c r="DC26" s="694"/>
      <c r="DD26" s="668">
        <v>481620</v>
      </c>
      <c r="DE26" s="660"/>
      <c r="DF26" s="660"/>
      <c r="DG26" s="660"/>
      <c r="DH26" s="660"/>
      <c r="DI26" s="660"/>
      <c r="DJ26" s="660"/>
      <c r="DK26" s="661"/>
      <c r="DL26" s="668" t="s">
        <v>233</v>
      </c>
      <c r="DM26" s="660"/>
      <c r="DN26" s="660"/>
      <c r="DO26" s="660"/>
      <c r="DP26" s="660"/>
      <c r="DQ26" s="660"/>
      <c r="DR26" s="660"/>
      <c r="DS26" s="660"/>
      <c r="DT26" s="660"/>
      <c r="DU26" s="660"/>
      <c r="DV26" s="661"/>
      <c r="DW26" s="664" t="s">
        <v>129</v>
      </c>
      <c r="DX26" s="690"/>
      <c r="DY26" s="690"/>
      <c r="DZ26" s="690"/>
      <c r="EA26" s="690"/>
      <c r="EB26" s="690"/>
      <c r="EC26" s="691"/>
    </row>
    <row r="27" spans="2:133" ht="11.25" customHeight="1" x14ac:dyDescent="0.2">
      <c r="B27" s="656" t="s">
        <v>298</v>
      </c>
      <c r="C27" s="657"/>
      <c r="D27" s="657"/>
      <c r="E27" s="657"/>
      <c r="F27" s="657"/>
      <c r="G27" s="657"/>
      <c r="H27" s="657"/>
      <c r="I27" s="657"/>
      <c r="J27" s="657"/>
      <c r="K27" s="657"/>
      <c r="L27" s="657"/>
      <c r="M27" s="657"/>
      <c r="N27" s="657"/>
      <c r="O27" s="657"/>
      <c r="P27" s="657"/>
      <c r="Q27" s="658"/>
      <c r="R27" s="659">
        <v>23460</v>
      </c>
      <c r="S27" s="660"/>
      <c r="T27" s="660"/>
      <c r="U27" s="660"/>
      <c r="V27" s="660"/>
      <c r="W27" s="660"/>
      <c r="X27" s="660"/>
      <c r="Y27" s="661"/>
      <c r="Z27" s="662">
        <v>0.4</v>
      </c>
      <c r="AA27" s="662"/>
      <c r="AB27" s="662"/>
      <c r="AC27" s="662"/>
      <c r="AD27" s="663" t="s">
        <v>129</v>
      </c>
      <c r="AE27" s="663"/>
      <c r="AF27" s="663"/>
      <c r="AG27" s="663"/>
      <c r="AH27" s="663"/>
      <c r="AI27" s="663"/>
      <c r="AJ27" s="663"/>
      <c r="AK27" s="663"/>
      <c r="AL27" s="664" t="s">
        <v>129</v>
      </c>
      <c r="AM27" s="665"/>
      <c r="AN27" s="665"/>
      <c r="AO27" s="666"/>
      <c r="AP27" s="656" t="s">
        <v>299</v>
      </c>
      <c r="AQ27" s="657"/>
      <c r="AR27" s="657"/>
      <c r="AS27" s="657"/>
      <c r="AT27" s="657"/>
      <c r="AU27" s="657"/>
      <c r="AV27" s="657"/>
      <c r="AW27" s="657"/>
      <c r="AX27" s="657"/>
      <c r="AY27" s="657"/>
      <c r="AZ27" s="657"/>
      <c r="BA27" s="657"/>
      <c r="BB27" s="657"/>
      <c r="BC27" s="657"/>
      <c r="BD27" s="657"/>
      <c r="BE27" s="657"/>
      <c r="BF27" s="658"/>
      <c r="BG27" s="659">
        <v>1543471</v>
      </c>
      <c r="BH27" s="660"/>
      <c r="BI27" s="660"/>
      <c r="BJ27" s="660"/>
      <c r="BK27" s="660"/>
      <c r="BL27" s="660"/>
      <c r="BM27" s="660"/>
      <c r="BN27" s="661"/>
      <c r="BO27" s="662">
        <v>100</v>
      </c>
      <c r="BP27" s="662"/>
      <c r="BQ27" s="662"/>
      <c r="BR27" s="662"/>
      <c r="BS27" s="663" t="s">
        <v>129</v>
      </c>
      <c r="BT27" s="663"/>
      <c r="BU27" s="663"/>
      <c r="BV27" s="663"/>
      <c r="BW27" s="663"/>
      <c r="BX27" s="663"/>
      <c r="BY27" s="663"/>
      <c r="BZ27" s="663"/>
      <c r="CA27" s="663"/>
      <c r="CB27" s="667"/>
      <c r="CD27" s="656" t="s">
        <v>300</v>
      </c>
      <c r="CE27" s="657"/>
      <c r="CF27" s="657"/>
      <c r="CG27" s="657"/>
      <c r="CH27" s="657"/>
      <c r="CI27" s="657"/>
      <c r="CJ27" s="657"/>
      <c r="CK27" s="657"/>
      <c r="CL27" s="657"/>
      <c r="CM27" s="657"/>
      <c r="CN27" s="657"/>
      <c r="CO27" s="657"/>
      <c r="CP27" s="657"/>
      <c r="CQ27" s="658"/>
      <c r="CR27" s="659">
        <v>727608</v>
      </c>
      <c r="CS27" s="692"/>
      <c r="CT27" s="692"/>
      <c r="CU27" s="692"/>
      <c r="CV27" s="692"/>
      <c r="CW27" s="692"/>
      <c r="CX27" s="692"/>
      <c r="CY27" s="693"/>
      <c r="CZ27" s="664">
        <v>13.8</v>
      </c>
      <c r="DA27" s="690"/>
      <c r="DB27" s="690"/>
      <c r="DC27" s="694"/>
      <c r="DD27" s="668">
        <v>202658</v>
      </c>
      <c r="DE27" s="692"/>
      <c r="DF27" s="692"/>
      <c r="DG27" s="692"/>
      <c r="DH27" s="692"/>
      <c r="DI27" s="692"/>
      <c r="DJ27" s="692"/>
      <c r="DK27" s="693"/>
      <c r="DL27" s="668">
        <v>202458</v>
      </c>
      <c r="DM27" s="692"/>
      <c r="DN27" s="692"/>
      <c r="DO27" s="692"/>
      <c r="DP27" s="692"/>
      <c r="DQ27" s="692"/>
      <c r="DR27" s="692"/>
      <c r="DS27" s="692"/>
      <c r="DT27" s="692"/>
      <c r="DU27" s="692"/>
      <c r="DV27" s="693"/>
      <c r="DW27" s="664">
        <v>6.2</v>
      </c>
      <c r="DX27" s="690"/>
      <c r="DY27" s="690"/>
      <c r="DZ27" s="690"/>
      <c r="EA27" s="690"/>
      <c r="EB27" s="690"/>
      <c r="EC27" s="691"/>
    </row>
    <row r="28" spans="2:133" ht="11.25" customHeight="1" x14ac:dyDescent="0.2">
      <c r="B28" s="656" t="s">
        <v>301</v>
      </c>
      <c r="C28" s="657"/>
      <c r="D28" s="657"/>
      <c r="E28" s="657"/>
      <c r="F28" s="657"/>
      <c r="G28" s="657"/>
      <c r="H28" s="657"/>
      <c r="I28" s="657"/>
      <c r="J28" s="657"/>
      <c r="K28" s="657"/>
      <c r="L28" s="657"/>
      <c r="M28" s="657"/>
      <c r="N28" s="657"/>
      <c r="O28" s="657"/>
      <c r="P28" s="657"/>
      <c r="Q28" s="658"/>
      <c r="R28" s="659">
        <v>109648</v>
      </c>
      <c r="S28" s="660"/>
      <c r="T28" s="660"/>
      <c r="U28" s="660"/>
      <c r="V28" s="660"/>
      <c r="W28" s="660"/>
      <c r="X28" s="660"/>
      <c r="Y28" s="661"/>
      <c r="Z28" s="662">
        <v>1.9</v>
      </c>
      <c r="AA28" s="662"/>
      <c r="AB28" s="662"/>
      <c r="AC28" s="662"/>
      <c r="AD28" s="663">
        <v>1059</v>
      </c>
      <c r="AE28" s="663"/>
      <c r="AF28" s="663"/>
      <c r="AG28" s="663"/>
      <c r="AH28" s="663"/>
      <c r="AI28" s="663"/>
      <c r="AJ28" s="663"/>
      <c r="AK28" s="663"/>
      <c r="AL28" s="664">
        <v>0</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2</v>
      </c>
      <c r="CE28" s="657"/>
      <c r="CF28" s="657"/>
      <c r="CG28" s="657"/>
      <c r="CH28" s="657"/>
      <c r="CI28" s="657"/>
      <c r="CJ28" s="657"/>
      <c r="CK28" s="657"/>
      <c r="CL28" s="657"/>
      <c r="CM28" s="657"/>
      <c r="CN28" s="657"/>
      <c r="CO28" s="657"/>
      <c r="CP28" s="657"/>
      <c r="CQ28" s="658"/>
      <c r="CR28" s="659">
        <v>428614</v>
      </c>
      <c r="CS28" s="660"/>
      <c r="CT28" s="660"/>
      <c r="CU28" s="660"/>
      <c r="CV28" s="660"/>
      <c r="CW28" s="660"/>
      <c r="CX28" s="660"/>
      <c r="CY28" s="661"/>
      <c r="CZ28" s="664">
        <v>8.1</v>
      </c>
      <c r="DA28" s="690"/>
      <c r="DB28" s="690"/>
      <c r="DC28" s="694"/>
      <c r="DD28" s="668">
        <v>428614</v>
      </c>
      <c r="DE28" s="660"/>
      <c r="DF28" s="660"/>
      <c r="DG28" s="660"/>
      <c r="DH28" s="660"/>
      <c r="DI28" s="660"/>
      <c r="DJ28" s="660"/>
      <c r="DK28" s="661"/>
      <c r="DL28" s="668">
        <v>428614</v>
      </c>
      <c r="DM28" s="660"/>
      <c r="DN28" s="660"/>
      <c r="DO28" s="660"/>
      <c r="DP28" s="660"/>
      <c r="DQ28" s="660"/>
      <c r="DR28" s="660"/>
      <c r="DS28" s="660"/>
      <c r="DT28" s="660"/>
      <c r="DU28" s="660"/>
      <c r="DV28" s="661"/>
      <c r="DW28" s="664">
        <v>13.1</v>
      </c>
      <c r="DX28" s="690"/>
      <c r="DY28" s="690"/>
      <c r="DZ28" s="690"/>
      <c r="EA28" s="690"/>
      <c r="EB28" s="690"/>
      <c r="EC28" s="691"/>
    </row>
    <row r="29" spans="2:133" ht="11.25" customHeight="1" x14ac:dyDescent="0.2">
      <c r="B29" s="656" t="s">
        <v>303</v>
      </c>
      <c r="C29" s="657"/>
      <c r="D29" s="657"/>
      <c r="E29" s="657"/>
      <c r="F29" s="657"/>
      <c r="G29" s="657"/>
      <c r="H29" s="657"/>
      <c r="I29" s="657"/>
      <c r="J29" s="657"/>
      <c r="K29" s="657"/>
      <c r="L29" s="657"/>
      <c r="M29" s="657"/>
      <c r="N29" s="657"/>
      <c r="O29" s="657"/>
      <c r="P29" s="657"/>
      <c r="Q29" s="658"/>
      <c r="R29" s="659">
        <v>8343</v>
      </c>
      <c r="S29" s="660"/>
      <c r="T29" s="660"/>
      <c r="U29" s="660"/>
      <c r="V29" s="660"/>
      <c r="W29" s="660"/>
      <c r="X29" s="660"/>
      <c r="Y29" s="661"/>
      <c r="Z29" s="662">
        <v>0.1</v>
      </c>
      <c r="AA29" s="662"/>
      <c r="AB29" s="662"/>
      <c r="AC29" s="662"/>
      <c r="AD29" s="663" t="s">
        <v>233</v>
      </c>
      <c r="AE29" s="663"/>
      <c r="AF29" s="663"/>
      <c r="AG29" s="663"/>
      <c r="AH29" s="663"/>
      <c r="AI29" s="663"/>
      <c r="AJ29" s="663"/>
      <c r="AK29" s="663"/>
      <c r="AL29" s="664" t="s">
        <v>129</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4</v>
      </c>
      <c r="CE29" s="696"/>
      <c r="CF29" s="656" t="s">
        <v>305</v>
      </c>
      <c r="CG29" s="657"/>
      <c r="CH29" s="657"/>
      <c r="CI29" s="657"/>
      <c r="CJ29" s="657"/>
      <c r="CK29" s="657"/>
      <c r="CL29" s="657"/>
      <c r="CM29" s="657"/>
      <c r="CN29" s="657"/>
      <c r="CO29" s="657"/>
      <c r="CP29" s="657"/>
      <c r="CQ29" s="658"/>
      <c r="CR29" s="659">
        <v>428614</v>
      </c>
      <c r="CS29" s="692"/>
      <c r="CT29" s="692"/>
      <c r="CU29" s="692"/>
      <c r="CV29" s="692"/>
      <c r="CW29" s="692"/>
      <c r="CX29" s="692"/>
      <c r="CY29" s="693"/>
      <c r="CZ29" s="664">
        <v>8.1</v>
      </c>
      <c r="DA29" s="690"/>
      <c r="DB29" s="690"/>
      <c r="DC29" s="694"/>
      <c r="DD29" s="668">
        <v>428614</v>
      </c>
      <c r="DE29" s="692"/>
      <c r="DF29" s="692"/>
      <c r="DG29" s="692"/>
      <c r="DH29" s="692"/>
      <c r="DI29" s="692"/>
      <c r="DJ29" s="692"/>
      <c r="DK29" s="693"/>
      <c r="DL29" s="668">
        <v>428614</v>
      </c>
      <c r="DM29" s="692"/>
      <c r="DN29" s="692"/>
      <c r="DO29" s="692"/>
      <c r="DP29" s="692"/>
      <c r="DQ29" s="692"/>
      <c r="DR29" s="692"/>
      <c r="DS29" s="692"/>
      <c r="DT29" s="692"/>
      <c r="DU29" s="692"/>
      <c r="DV29" s="693"/>
      <c r="DW29" s="664">
        <v>13.1</v>
      </c>
      <c r="DX29" s="690"/>
      <c r="DY29" s="690"/>
      <c r="DZ29" s="690"/>
      <c r="EA29" s="690"/>
      <c r="EB29" s="690"/>
      <c r="EC29" s="691"/>
    </row>
    <row r="30" spans="2:133" ht="11.25" customHeight="1" x14ac:dyDescent="0.2">
      <c r="B30" s="656" t="s">
        <v>306</v>
      </c>
      <c r="C30" s="657"/>
      <c r="D30" s="657"/>
      <c r="E30" s="657"/>
      <c r="F30" s="657"/>
      <c r="G30" s="657"/>
      <c r="H30" s="657"/>
      <c r="I30" s="657"/>
      <c r="J30" s="657"/>
      <c r="K30" s="657"/>
      <c r="L30" s="657"/>
      <c r="M30" s="657"/>
      <c r="N30" s="657"/>
      <c r="O30" s="657"/>
      <c r="P30" s="657"/>
      <c r="Q30" s="658"/>
      <c r="R30" s="659">
        <v>845954</v>
      </c>
      <c r="S30" s="660"/>
      <c r="T30" s="660"/>
      <c r="U30" s="660"/>
      <c r="V30" s="660"/>
      <c r="W30" s="660"/>
      <c r="X30" s="660"/>
      <c r="Y30" s="661"/>
      <c r="Z30" s="662">
        <v>14.8</v>
      </c>
      <c r="AA30" s="662"/>
      <c r="AB30" s="662"/>
      <c r="AC30" s="662"/>
      <c r="AD30" s="663" t="s">
        <v>233</v>
      </c>
      <c r="AE30" s="663"/>
      <c r="AF30" s="663"/>
      <c r="AG30" s="663"/>
      <c r="AH30" s="663"/>
      <c r="AI30" s="663"/>
      <c r="AJ30" s="663"/>
      <c r="AK30" s="663"/>
      <c r="AL30" s="664" t="s">
        <v>129</v>
      </c>
      <c r="AM30" s="665"/>
      <c r="AN30" s="665"/>
      <c r="AO30" s="666"/>
      <c r="AP30" s="641" t="s">
        <v>222</v>
      </c>
      <c r="AQ30" s="642"/>
      <c r="AR30" s="642"/>
      <c r="AS30" s="642"/>
      <c r="AT30" s="642"/>
      <c r="AU30" s="642"/>
      <c r="AV30" s="642"/>
      <c r="AW30" s="642"/>
      <c r="AX30" s="642"/>
      <c r="AY30" s="642"/>
      <c r="AZ30" s="642"/>
      <c r="BA30" s="642"/>
      <c r="BB30" s="642"/>
      <c r="BC30" s="642"/>
      <c r="BD30" s="642"/>
      <c r="BE30" s="642"/>
      <c r="BF30" s="643"/>
      <c r="BG30" s="641" t="s">
        <v>307</v>
      </c>
      <c r="BH30" s="701"/>
      <c r="BI30" s="701"/>
      <c r="BJ30" s="701"/>
      <c r="BK30" s="701"/>
      <c r="BL30" s="701"/>
      <c r="BM30" s="701"/>
      <c r="BN30" s="701"/>
      <c r="BO30" s="701"/>
      <c r="BP30" s="701"/>
      <c r="BQ30" s="702"/>
      <c r="BR30" s="641" t="s">
        <v>308</v>
      </c>
      <c r="BS30" s="701"/>
      <c r="BT30" s="701"/>
      <c r="BU30" s="701"/>
      <c r="BV30" s="701"/>
      <c r="BW30" s="701"/>
      <c r="BX30" s="701"/>
      <c r="BY30" s="701"/>
      <c r="BZ30" s="701"/>
      <c r="CA30" s="701"/>
      <c r="CB30" s="702"/>
      <c r="CD30" s="697"/>
      <c r="CE30" s="698"/>
      <c r="CF30" s="656" t="s">
        <v>309</v>
      </c>
      <c r="CG30" s="657"/>
      <c r="CH30" s="657"/>
      <c r="CI30" s="657"/>
      <c r="CJ30" s="657"/>
      <c r="CK30" s="657"/>
      <c r="CL30" s="657"/>
      <c r="CM30" s="657"/>
      <c r="CN30" s="657"/>
      <c r="CO30" s="657"/>
      <c r="CP30" s="657"/>
      <c r="CQ30" s="658"/>
      <c r="CR30" s="659">
        <v>406836</v>
      </c>
      <c r="CS30" s="660"/>
      <c r="CT30" s="660"/>
      <c r="CU30" s="660"/>
      <c r="CV30" s="660"/>
      <c r="CW30" s="660"/>
      <c r="CX30" s="660"/>
      <c r="CY30" s="661"/>
      <c r="CZ30" s="664">
        <v>7.7</v>
      </c>
      <c r="DA30" s="690"/>
      <c r="DB30" s="690"/>
      <c r="DC30" s="694"/>
      <c r="DD30" s="668">
        <v>406836</v>
      </c>
      <c r="DE30" s="660"/>
      <c r="DF30" s="660"/>
      <c r="DG30" s="660"/>
      <c r="DH30" s="660"/>
      <c r="DI30" s="660"/>
      <c r="DJ30" s="660"/>
      <c r="DK30" s="661"/>
      <c r="DL30" s="668">
        <v>406836</v>
      </c>
      <c r="DM30" s="660"/>
      <c r="DN30" s="660"/>
      <c r="DO30" s="660"/>
      <c r="DP30" s="660"/>
      <c r="DQ30" s="660"/>
      <c r="DR30" s="660"/>
      <c r="DS30" s="660"/>
      <c r="DT30" s="660"/>
      <c r="DU30" s="660"/>
      <c r="DV30" s="661"/>
      <c r="DW30" s="664">
        <v>12.4</v>
      </c>
      <c r="DX30" s="690"/>
      <c r="DY30" s="690"/>
      <c r="DZ30" s="690"/>
      <c r="EA30" s="690"/>
      <c r="EB30" s="690"/>
      <c r="EC30" s="691"/>
    </row>
    <row r="31" spans="2:133" ht="11.25" customHeight="1" x14ac:dyDescent="0.2">
      <c r="B31" s="672" t="s">
        <v>310</v>
      </c>
      <c r="C31" s="673"/>
      <c r="D31" s="673"/>
      <c r="E31" s="673"/>
      <c r="F31" s="673"/>
      <c r="G31" s="673"/>
      <c r="H31" s="673"/>
      <c r="I31" s="673"/>
      <c r="J31" s="673"/>
      <c r="K31" s="673"/>
      <c r="L31" s="673"/>
      <c r="M31" s="673"/>
      <c r="N31" s="673"/>
      <c r="O31" s="673"/>
      <c r="P31" s="673"/>
      <c r="Q31" s="674"/>
      <c r="R31" s="659" t="s">
        <v>233</v>
      </c>
      <c r="S31" s="660"/>
      <c r="T31" s="660"/>
      <c r="U31" s="660"/>
      <c r="V31" s="660"/>
      <c r="W31" s="660"/>
      <c r="X31" s="660"/>
      <c r="Y31" s="661"/>
      <c r="Z31" s="662" t="s">
        <v>233</v>
      </c>
      <c r="AA31" s="662"/>
      <c r="AB31" s="662"/>
      <c r="AC31" s="662"/>
      <c r="AD31" s="663" t="s">
        <v>129</v>
      </c>
      <c r="AE31" s="663"/>
      <c r="AF31" s="663"/>
      <c r="AG31" s="663"/>
      <c r="AH31" s="663"/>
      <c r="AI31" s="663"/>
      <c r="AJ31" s="663"/>
      <c r="AK31" s="663"/>
      <c r="AL31" s="664" t="s">
        <v>233</v>
      </c>
      <c r="AM31" s="665"/>
      <c r="AN31" s="665"/>
      <c r="AO31" s="666"/>
      <c r="AP31" s="705" t="s">
        <v>311</v>
      </c>
      <c r="AQ31" s="706"/>
      <c r="AR31" s="706"/>
      <c r="AS31" s="706"/>
      <c r="AT31" s="711" t="s">
        <v>312</v>
      </c>
      <c r="AU31" s="218"/>
      <c r="AV31" s="218"/>
      <c r="AW31" s="218"/>
      <c r="AX31" s="645" t="s">
        <v>188</v>
      </c>
      <c r="AY31" s="646"/>
      <c r="AZ31" s="646"/>
      <c r="BA31" s="646"/>
      <c r="BB31" s="646"/>
      <c r="BC31" s="646"/>
      <c r="BD31" s="646"/>
      <c r="BE31" s="646"/>
      <c r="BF31" s="647"/>
      <c r="BG31" s="715">
        <v>99.1</v>
      </c>
      <c r="BH31" s="703"/>
      <c r="BI31" s="703"/>
      <c r="BJ31" s="703"/>
      <c r="BK31" s="703"/>
      <c r="BL31" s="703"/>
      <c r="BM31" s="654">
        <v>96</v>
      </c>
      <c r="BN31" s="703"/>
      <c r="BO31" s="703"/>
      <c r="BP31" s="703"/>
      <c r="BQ31" s="704"/>
      <c r="BR31" s="715">
        <v>99.2</v>
      </c>
      <c r="BS31" s="703"/>
      <c r="BT31" s="703"/>
      <c r="BU31" s="703"/>
      <c r="BV31" s="703"/>
      <c r="BW31" s="703"/>
      <c r="BX31" s="654">
        <v>96.2</v>
      </c>
      <c r="BY31" s="703"/>
      <c r="BZ31" s="703"/>
      <c r="CA31" s="703"/>
      <c r="CB31" s="704"/>
      <c r="CD31" s="697"/>
      <c r="CE31" s="698"/>
      <c r="CF31" s="656" t="s">
        <v>313</v>
      </c>
      <c r="CG31" s="657"/>
      <c r="CH31" s="657"/>
      <c r="CI31" s="657"/>
      <c r="CJ31" s="657"/>
      <c r="CK31" s="657"/>
      <c r="CL31" s="657"/>
      <c r="CM31" s="657"/>
      <c r="CN31" s="657"/>
      <c r="CO31" s="657"/>
      <c r="CP31" s="657"/>
      <c r="CQ31" s="658"/>
      <c r="CR31" s="659">
        <v>21778</v>
      </c>
      <c r="CS31" s="692"/>
      <c r="CT31" s="692"/>
      <c r="CU31" s="692"/>
      <c r="CV31" s="692"/>
      <c r="CW31" s="692"/>
      <c r="CX31" s="692"/>
      <c r="CY31" s="693"/>
      <c r="CZ31" s="664">
        <v>0.4</v>
      </c>
      <c r="DA31" s="690"/>
      <c r="DB31" s="690"/>
      <c r="DC31" s="694"/>
      <c r="DD31" s="668">
        <v>21778</v>
      </c>
      <c r="DE31" s="692"/>
      <c r="DF31" s="692"/>
      <c r="DG31" s="692"/>
      <c r="DH31" s="692"/>
      <c r="DI31" s="692"/>
      <c r="DJ31" s="692"/>
      <c r="DK31" s="693"/>
      <c r="DL31" s="668">
        <v>21778</v>
      </c>
      <c r="DM31" s="692"/>
      <c r="DN31" s="692"/>
      <c r="DO31" s="692"/>
      <c r="DP31" s="692"/>
      <c r="DQ31" s="692"/>
      <c r="DR31" s="692"/>
      <c r="DS31" s="692"/>
      <c r="DT31" s="692"/>
      <c r="DU31" s="692"/>
      <c r="DV31" s="693"/>
      <c r="DW31" s="664">
        <v>0.7</v>
      </c>
      <c r="DX31" s="690"/>
      <c r="DY31" s="690"/>
      <c r="DZ31" s="690"/>
      <c r="EA31" s="690"/>
      <c r="EB31" s="690"/>
      <c r="EC31" s="691"/>
    </row>
    <row r="32" spans="2:133" ht="11.25" customHeight="1" x14ac:dyDescent="0.2">
      <c r="B32" s="656" t="s">
        <v>314</v>
      </c>
      <c r="C32" s="657"/>
      <c r="D32" s="657"/>
      <c r="E32" s="657"/>
      <c r="F32" s="657"/>
      <c r="G32" s="657"/>
      <c r="H32" s="657"/>
      <c r="I32" s="657"/>
      <c r="J32" s="657"/>
      <c r="K32" s="657"/>
      <c r="L32" s="657"/>
      <c r="M32" s="657"/>
      <c r="N32" s="657"/>
      <c r="O32" s="657"/>
      <c r="P32" s="657"/>
      <c r="Q32" s="658"/>
      <c r="R32" s="659">
        <v>369089</v>
      </c>
      <c r="S32" s="660"/>
      <c r="T32" s="660"/>
      <c r="U32" s="660"/>
      <c r="V32" s="660"/>
      <c r="W32" s="660"/>
      <c r="X32" s="660"/>
      <c r="Y32" s="661"/>
      <c r="Z32" s="662">
        <v>6.4</v>
      </c>
      <c r="AA32" s="662"/>
      <c r="AB32" s="662"/>
      <c r="AC32" s="662"/>
      <c r="AD32" s="663" t="s">
        <v>129</v>
      </c>
      <c r="AE32" s="663"/>
      <c r="AF32" s="663"/>
      <c r="AG32" s="663"/>
      <c r="AH32" s="663"/>
      <c r="AI32" s="663"/>
      <c r="AJ32" s="663"/>
      <c r="AK32" s="663"/>
      <c r="AL32" s="664" t="s">
        <v>129</v>
      </c>
      <c r="AM32" s="665"/>
      <c r="AN32" s="665"/>
      <c r="AO32" s="666"/>
      <c r="AP32" s="707"/>
      <c r="AQ32" s="708"/>
      <c r="AR32" s="708"/>
      <c r="AS32" s="708"/>
      <c r="AT32" s="712"/>
      <c r="AU32" s="214" t="s">
        <v>315</v>
      </c>
      <c r="AX32" s="656" t="s">
        <v>316</v>
      </c>
      <c r="AY32" s="657"/>
      <c r="AZ32" s="657"/>
      <c r="BA32" s="657"/>
      <c r="BB32" s="657"/>
      <c r="BC32" s="657"/>
      <c r="BD32" s="657"/>
      <c r="BE32" s="657"/>
      <c r="BF32" s="658"/>
      <c r="BG32" s="716">
        <v>99.4</v>
      </c>
      <c r="BH32" s="692"/>
      <c r="BI32" s="692"/>
      <c r="BJ32" s="692"/>
      <c r="BK32" s="692"/>
      <c r="BL32" s="692"/>
      <c r="BM32" s="665">
        <v>98.5</v>
      </c>
      <c r="BN32" s="692"/>
      <c r="BO32" s="692"/>
      <c r="BP32" s="692"/>
      <c r="BQ32" s="714"/>
      <c r="BR32" s="716">
        <v>99.6</v>
      </c>
      <c r="BS32" s="692"/>
      <c r="BT32" s="692"/>
      <c r="BU32" s="692"/>
      <c r="BV32" s="692"/>
      <c r="BW32" s="692"/>
      <c r="BX32" s="665">
        <v>98.6</v>
      </c>
      <c r="BY32" s="692"/>
      <c r="BZ32" s="692"/>
      <c r="CA32" s="692"/>
      <c r="CB32" s="714"/>
      <c r="CD32" s="699"/>
      <c r="CE32" s="700"/>
      <c r="CF32" s="656" t="s">
        <v>317</v>
      </c>
      <c r="CG32" s="657"/>
      <c r="CH32" s="657"/>
      <c r="CI32" s="657"/>
      <c r="CJ32" s="657"/>
      <c r="CK32" s="657"/>
      <c r="CL32" s="657"/>
      <c r="CM32" s="657"/>
      <c r="CN32" s="657"/>
      <c r="CO32" s="657"/>
      <c r="CP32" s="657"/>
      <c r="CQ32" s="658"/>
      <c r="CR32" s="659" t="s">
        <v>233</v>
      </c>
      <c r="CS32" s="660"/>
      <c r="CT32" s="660"/>
      <c r="CU32" s="660"/>
      <c r="CV32" s="660"/>
      <c r="CW32" s="660"/>
      <c r="CX32" s="660"/>
      <c r="CY32" s="661"/>
      <c r="CZ32" s="664" t="s">
        <v>233</v>
      </c>
      <c r="DA32" s="690"/>
      <c r="DB32" s="690"/>
      <c r="DC32" s="694"/>
      <c r="DD32" s="668" t="s">
        <v>129</v>
      </c>
      <c r="DE32" s="660"/>
      <c r="DF32" s="660"/>
      <c r="DG32" s="660"/>
      <c r="DH32" s="660"/>
      <c r="DI32" s="660"/>
      <c r="DJ32" s="660"/>
      <c r="DK32" s="661"/>
      <c r="DL32" s="668" t="s">
        <v>233</v>
      </c>
      <c r="DM32" s="660"/>
      <c r="DN32" s="660"/>
      <c r="DO32" s="660"/>
      <c r="DP32" s="660"/>
      <c r="DQ32" s="660"/>
      <c r="DR32" s="660"/>
      <c r="DS32" s="660"/>
      <c r="DT32" s="660"/>
      <c r="DU32" s="660"/>
      <c r="DV32" s="661"/>
      <c r="DW32" s="664" t="s">
        <v>233</v>
      </c>
      <c r="DX32" s="690"/>
      <c r="DY32" s="690"/>
      <c r="DZ32" s="690"/>
      <c r="EA32" s="690"/>
      <c r="EB32" s="690"/>
      <c r="EC32" s="691"/>
    </row>
    <row r="33" spans="2:133" ht="11.25" customHeight="1" x14ac:dyDescent="0.2">
      <c r="B33" s="656" t="s">
        <v>318</v>
      </c>
      <c r="C33" s="657"/>
      <c r="D33" s="657"/>
      <c r="E33" s="657"/>
      <c r="F33" s="657"/>
      <c r="G33" s="657"/>
      <c r="H33" s="657"/>
      <c r="I33" s="657"/>
      <c r="J33" s="657"/>
      <c r="K33" s="657"/>
      <c r="L33" s="657"/>
      <c r="M33" s="657"/>
      <c r="N33" s="657"/>
      <c r="O33" s="657"/>
      <c r="P33" s="657"/>
      <c r="Q33" s="658"/>
      <c r="R33" s="659">
        <v>51582</v>
      </c>
      <c r="S33" s="660"/>
      <c r="T33" s="660"/>
      <c r="U33" s="660"/>
      <c r="V33" s="660"/>
      <c r="W33" s="660"/>
      <c r="X33" s="660"/>
      <c r="Y33" s="661"/>
      <c r="Z33" s="662">
        <v>0.9</v>
      </c>
      <c r="AA33" s="662"/>
      <c r="AB33" s="662"/>
      <c r="AC33" s="662"/>
      <c r="AD33" s="663">
        <v>50118</v>
      </c>
      <c r="AE33" s="663"/>
      <c r="AF33" s="663"/>
      <c r="AG33" s="663"/>
      <c r="AH33" s="663"/>
      <c r="AI33" s="663"/>
      <c r="AJ33" s="663"/>
      <c r="AK33" s="663"/>
      <c r="AL33" s="664">
        <v>1.6</v>
      </c>
      <c r="AM33" s="665"/>
      <c r="AN33" s="665"/>
      <c r="AO33" s="666"/>
      <c r="AP33" s="709"/>
      <c r="AQ33" s="710"/>
      <c r="AR33" s="710"/>
      <c r="AS33" s="710"/>
      <c r="AT33" s="713"/>
      <c r="AU33" s="219"/>
      <c r="AV33" s="219"/>
      <c r="AW33" s="219"/>
      <c r="AX33" s="680" t="s">
        <v>319</v>
      </c>
      <c r="AY33" s="681"/>
      <c r="AZ33" s="681"/>
      <c r="BA33" s="681"/>
      <c r="BB33" s="681"/>
      <c r="BC33" s="681"/>
      <c r="BD33" s="681"/>
      <c r="BE33" s="681"/>
      <c r="BF33" s="682"/>
      <c r="BG33" s="717">
        <v>98.9</v>
      </c>
      <c r="BH33" s="718"/>
      <c r="BI33" s="718"/>
      <c r="BJ33" s="718"/>
      <c r="BK33" s="718"/>
      <c r="BL33" s="718"/>
      <c r="BM33" s="719">
        <v>93.6</v>
      </c>
      <c r="BN33" s="718"/>
      <c r="BO33" s="718"/>
      <c r="BP33" s="718"/>
      <c r="BQ33" s="720"/>
      <c r="BR33" s="717">
        <v>98.8</v>
      </c>
      <c r="BS33" s="718"/>
      <c r="BT33" s="718"/>
      <c r="BU33" s="718"/>
      <c r="BV33" s="718"/>
      <c r="BW33" s="718"/>
      <c r="BX33" s="719">
        <v>93.8</v>
      </c>
      <c r="BY33" s="718"/>
      <c r="BZ33" s="718"/>
      <c r="CA33" s="718"/>
      <c r="CB33" s="720"/>
      <c r="CD33" s="656" t="s">
        <v>320</v>
      </c>
      <c r="CE33" s="657"/>
      <c r="CF33" s="657"/>
      <c r="CG33" s="657"/>
      <c r="CH33" s="657"/>
      <c r="CI33" s="657"/>
      <c r="CJ33" s="657"/>
      <c r="CK33" s="657"/>
      <c r="CL33" s="657"/>
      <c r="CM33" s="657"/>
      <c r="CN33" s="657"/>
      <c r="CO33" s="657"/>
      <c r="CP33" s="657"/>
      <c r="CQ33" s="658"/>
      <c r="CR33" s="659">
        <v>2292746</v>
      </c>
      <c r="CS33" s="692"/>
      <c r="CT33" s="692"/>
      <c r="CU33" s="692"/>
      <c r="CV33" s="692"/>
      <c r="CW33" s="692"/>
      <c r="CX33" s="692"/>
      <c r="CY33" s="693"/>
      <c r="CZ33" s="664">
        <v>43.5</v>
      </c>
      <c r="DA33" s="690"/>
      <c r="DB33" s="690"/>
      <c r="DC33" s="694"/>
      <c r="DD33" s="668">
        <v>1935919</v>
      </c>
      <c r="DE33" s="692"/>
      <c r="DF33" s="692"/>
      <c r="DG33" s="692"/>
      <c r="DH33" s="692"/>
      <c r="DI33" s="692"/>
      <c r="DJ33" s="692"/>
      <c r="DK33" s="693"/>
      <c r="DL33" s="668">
        <v>1334749</v>
      </c>
      <c r="DM33" s="692"/>
      <c r="DN33" s="692"/>
      <c r="DO33" s="692"/>
      <c r="DP33" s="692"/>
      <c r="DQ33" s="692"/>
      <c r="DR33" s="692"/>
      <c r="DS33" s="692"/>
      <c r="DT33" s="692"/>
      <c r="DU33" s="692"/>
      <c r="DV33" s="693"/>
      <c r="DW33" s="664">
        <v>40.700000000000003</v>
      </c>
      <c r="DX33" s="690"/>
      <c r="DY33" s="690"/>
      <c r="DZ33" s="690"/>
      <c r="EA33" s="690"/>
      <c r="EB33" s="690"/>
      <c r="EC33" s="691"/>
    </row>
    <row r="34" spans="2:133" ht="11.25" customHeight="1" x14ac:dyDescent="0.2">
      <c r="B34" s="656" t="s">
        <v>321</v>
      </c>
      <c r="C34" s="657"/>
      <c r="D34" s="657"/>
      <c r="E34" s="657"/>
      <c r="F34" s="657"/>
      <c r="G34" s="657"/>
      <c r="H34" s="657"/>
      <c r="I34" s="657"/>
      <c r="J34" s="657"/>
      <c r="K34" s="657"/>
      <c r="L34" s="657"/>
      <c r="M34" s="657"/>
      <c r="N34" s="657"/>
      <c r="O34" s="657"/>
      <c r="P34" s="657"/>
      <c r="Q34" s="658"/>
      <c r="R34" s="659">
        <v>102723</v>
      </c>
      <c r="S34" s="660"/>
      <c r="T34" s="660"/>
      <c r="U34" s="660"/>
      <c r="V34" s="660"/>
      <c r="W34" s="660"/>
      <c r="X34" s="660"/>
      <c r="Y34" s="661"/>
      <c r="Z34" s="662">
        <v>1.8</v>
      </c>
      <c r="AA34" s="662"/>
      <c r="AB34" s="662"/>
      <c r="AC34" s="662"/>
      <c r="AD34" s="663" t="s">
        <v>129</v>
      </c>
      <c r="AE34" s="663"/>
      <c r="AF34" s="663"/>
      <c r="AG34" s="663"/>
      <c r="AH34" s="663"/>
      <c r="AI34" s="663"/>
      <c r="AJ34" s="663"/>
      <c r="AK34" s="663"/>
      <c r="AL34" s="664" t="s">
        <v>129</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2</v>
      </c>
      <c r="CE34" s="657"/>
      <c r="CF34" s="657"/>
      <c r="CG34" s="657"/>
      <c r="CH34" s="657"/>
      <c r="CI34" s="657"/>
      <c r="CJ34" s="657"/>
      <c r="CK34" s="657"/>
      <c r="CL34" s="657"/>
      <c r="CM34" s="657"/>
      <c r="CN34" s="657"/>
      <c r="CO34" s="657"/>
      <c r="CP34" s="657"/>
      <c r="CQ34" s="658"/>
      <c r="CR34" s="659">
        <v>745032</v>
      </c>
      <c r="CS34" s="660"/>
      <c r="CT34" s="660"/>
      <c r="CU34" s="660"/>
      <c r="CV34" s="660"/>
      <c r="CW34" s="660"/>
      <c r="CX34" s="660"/>
      <c r="CY34" s="661"/>
      <c r="CZ34" s="664">
        <v>14.1</v>
      </c>
      <c r="DA34" s="690"/>
      <c r="DB34" s="690"/>
      <c r="DC34" s="694"/>
      <c r="DD34" s="668">
        <v>529802</v>
      </c>
      <c r="DE34" s="660"/>
      <c r="DF34" s="660"/>
      <c r="DG34" s="660"/>
      <c r="DH34" s="660"/>
      <c r="DI34" s="660"/>
      <c r="DJ34" s="660"/>
      <c r="DK34" s="661"/>
      <c r="DL34" s="668">
        <v>444133</v>
      </c>
      <c r="DM34" s="660"/>
      <c r="DN34" s="660"/>
      <c r="DO34" s="660"/>
      <c r="DP34" s="660"/>
      <c r="DQ34" s="660"/>
      <c r="DR34" s="660"/>
      <c r="DS34" s="660"/>
      <c r="DT34" s="660"/>
      <c r="DU34" s="660"/>
      <c r="DV34" s="661"/>
      <c r="DW34" s="664">
        <v>13.5</v>
      </c>
      <c r="DX34" s="690"/>
      <c r="DY34" s="690"/>
      <c r="DZ34" s="690"/>
      <c r="EA34" s="690"/>
      <c r="EB34" s="690"/>
      <c r="EC34" s="691"/>
    </row>
    <row r="35" spans="2:133" ht="11.25" customHeight="1" x14ac:dyDescent="0.2">
      <c r="B35" s="656" t="s">
        <v>323</v>
      </c>
      <c r="C35" s="657"/>
      <c r="D35" s="657"/>
      <c r="E35" s="657"/>
      <c r="F35" s="657"/>
      <c r="G35" s="657"/>
      <c r="H35" s="657"/>
      <c r="I35" s="657"/>
      <c r="J35" s="657"/>
      <c r="K35" s="657"/>
      <c r="L35" s="657"/>
      <c r="M35" s="657"/>
      <c r="N35" s="657"/>
      <c r="O35" s="657"/>
      <c r="P35" s="657"/>
      <c r="Q35" s="658"/>
      <c r="R35" s="659">
        <v>160180</v>
      </c>
      <c r="S35" s="660"/>
      <c r="T35" s="660"/>
      <c r="U35" s="660"/>
      <c r="V35" s="660"/>
      <c r="W35" s="660"/>
      <c r="X35" s="660"/>
      <c r="Y35" s="661"/>
      <c r="Z35" s="662">
        <v>2.8</v>
      </c>
      <c r="AA35" s="662"/>
      <c r="AB35" s="662"/>
      <c r="AC35" s="662"/>
      <c r="AD35" s="663" t="s">
        <v>233</v>
      </c>
      <c r="AE35" s="663"/>
      <c r="AF35" s="663"/>
      <c r="AG35" s="663"/>
      <c r="AH35" s="663"/>
      <c r="AI35" s="663"/>
      <c r="AJ35" s="663"/>
      <c r="AK35" s="663"/>
      <c r="AL35" s="664" t="s">
        <v>129</v>
      </c>
      <c r="AM35" s="665"/>
      <c r="AN35" s="665"/>
      <c r="AO35" s="666"/>
      <c r="AP35" s="222"/>
      <c r="AQ35" s="641" t="s">
        <v>324</v>
      </c>
      <c r="AR35" s="642"/>
      <c r="AS35" s="642"/>
      <c r="AT35" s="642"/>
      <c r="AU35" s="642"/>
      <c r="AV35" s="642"/>
      <c r="AW35" s="642"/>
      <c r="AX35" s="642"/>
      <c r="AY35" s="642"/>
      <c r="AZ35" s="642"/>
      <c r="BA35" s="642"/>
      <c r="BB35" s="642"/>
      <c r="BC35" s="642"/>
      <c r="BD35" s="642"/>
      <c r="BE35" s="642"/>
      <c r="BF35" s="643"/>
      <c r="BG35" s="641" t="s">
        <v>325</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26</v>
      </c>
      <c r="CE35" s="657"/>
      <c r="CF35" s="657"/>
      <c r="CG35" s="657"/>
      <c r="CH35" s="657"/>
      <c r="CI35" s="657"/>
      <c r="CJ35" s="657"/>
      <c r="CK35" s="657"/>
      <c r="CL35" s="657"/>
      <c r="CM35" s="657"/>
      <c r="CN35" s="657"/>
      <c r="CO35" s="657"/>
      <c r="CP35" s="657"/>
      <c r="CQ35" s="658"/>
      <c r="CR35" s="659">
        <v>13520</v>
      </c>
      <c r="CS35" s="692"/>
      <c r="CT35" s="692"/>
      <c r="CU35" s="692"/>
      <c r="CV35" s="692"/>
      <c r="CW35" s="692"/>
      <c r="CX35" s="692"/>
      <c r="CY35" s="693"/>
      <c r="CZ35" s="664">
        <v>0.3</v>
      </c>
      <c r="DA35" s="690"/>
      <c r="DB35" s="690"/>
      <c r="DC35" s="694"/>
      <c r="DD35" s="668">
        <v>12644</v>
      </c>
      <c r="DE35" s="692"/>
      <c r="DF35" s="692"/>
      <c r="DG35" s="692"/>
      <c r="DH35" s="692"/>
      <c r="DI35" s="692"/>
      <c r="DJ35" s="692"/>
      <c r="DK35" s="693"/>
      <c r="DL35" s="668">
        <v>12176</v>
      </c>
      <c r="DM35" s="692"/>
      <c r="DN35" s="692"/>
      <c r="DO35" s="692"/>
      <c r="DP35" s="692"/>
      <c r="DQ35" s="692"/>
      <c r="DR35" s="692"/>
      <c r="DS35" s="692"/>
      <c r="DT35" s="692"/>
      <c r="DU35" s="692"/>
      <c r="DV35" s="693"/>
      <c r="DW35" s="664">
        <v>0.4</v>
      </c>
      <c r="DX35" s="690"/>
      <c r="DY35" s="690"/>
      <c r="DZ35" s="690"/>
      <c r="EA35" s="690"/>
      <c r="EB35" s="690"/>
      <c r="EC35" s="691"/>
    </row>
    <row r="36" spans="2:133" ht="11.25" customHeight="1" x14ac:dyDescent="0.2">
      <c r="B36" s="656" t="s">
        <v>327</v>
      </c>
      <c r="C36" s="657"/>
      <c r="D36" s="657"/>
      <c r="E36" s="657"/>
      <c r="F36" s="657"/>
      <c r="G36" s="657"/>
      <c r="H36" s="657"/>
      <c r="I36" s="657"/>
      <c r="J36" s="657"/>
      <c r="K36" s="657"/>
      <c r="L36" s="657"/>
      <c r="M36" s="657"/>
      <c r="N36" s="657"/>
      <c r="O36" s="657"/>
      <c r="P36" s="657"/>
      <c r="Q36" s="658"/>
      <c r="R36" s="659">
        <v>325978</v>
      </c>
      <c r="S36" s="660"/>
      <c r="T36" s="660"/>
      <c r="U36" s="660"/>
      <c r="V36" s="660"/>
      <c r="W36" s="660"/>
      <c r="X36" s="660"/>
      <c r="Y36" s="661"/>
      <c r="Z36" s="662">
        <v>5.7</v>
      </c>
      <c r="AA36" s="662"/>
      <c r="AB36" s="662"/>
      <c r="AC36" s="662"/>
      <c r="AD36" s="663" t="s">
        <v>129</v>
      </c>
      <c r="AE36" s="663"/>
      <c r="AF36" s="663"/>
      <c r="AG36" s="663"/>
      <c r="AH36" s="663"/>
      <c r="AI36" s="663"/>
      <c r="AJ36" s="663"/>
      <c r="AK36" s="663"/>
      <c r="AL36" s="664" t="s">
        <v>129</v>
      </c>
      <c r="AM36" s="665"/>
      <c r="AN36" s="665"/>
      <c r="AO36" s="666"/>
      <c r="AP36" s="222"/>
      <c r="AQ36" s="725" t="s">
        <v>328</v>
      </c>
      <c r="AR36" s="726"/>
      <c r="AS36" s="726"/>
      <c r="AT36" s="726"/>
      <c r="AU36" s="726"/>
      <c r="AV36" s="726"/>
      <c r="AW36" s="726"/>
      <c r="AX36" s="726"/>
      <c r="AY36" s="727"/>
      <c r="AZ36" s="648">
        <v>534495</v>
      </c>
      <c r="BA36" s="649"/>
      <c r="BB36" s="649"/>
      <c r="BC36" s="649"/>
      <c r="BD36" s="649"/>
      <c r="BE36" s="649"/>
      <c r="BF36" s="721"/>
      <c r="BG36" s="645" t="s">
        <v>329</v>
      </c>
      <c r="BH36" s="646"/>
      <c r="BI36" s="646"/>
      <c r="BJ36" s="646"/>
      <c r="BK36" s="646"/>
      <c r="BL36" s="646"/>
      <c r="BM36" s="646"/>
      <c r="BN36" s="646"/>
      <c r="BO36" s="646"/>
      <c r="BP36" s="646"/>
      <c r="BQ36" s="646"/>
      <c r="BR36" s="646"/>
      <c r="BS36" s="646"/>
      <c r="BT36" s="646"/>
      <c r="BU36" s="647"/>
      <c r="BV36" s="648">
        <v>44560</v>
      </c>
      <c r="BW36" s="649"/>
      <c r="BX36" s="649"/>
      <c r="BY36" s="649"/>
      <c r="BZ36" s="649"/>
      <c r="CA36" s="649"/>
      <c r="CB36" s="721"/>
      <c r="CD36" s="656" t="s">
        <v>330</v>
      </c>
      <c r="CE36" s="657"/>
      <c r="CF36" s="657"/>
      <c r="CG36" s="657"/>
      <c r="CH36" s="657"/>
      <c r="CI36" s="657"/>
      <c r="CJ36" s="657"/>
      <c r="CK36" s="657"/>
      <c r="CL36" s="657"/>
      <c r="CM36" s="657"/>
      <c r="CN36" s="657"/>
      <c r="CO36" s="657"/>
      <c r="CP36" s="657"/>
      <c r="CQ36" s="658"/>
      <c r="CR36" s="659">
        <v>646412</v>
      </c>
      <c r="CS36" s="660"/>
      <c r="CT36" s="660"/>
      <c r="CU36" s="660"/>
      <c r="CV36" s="660"/>
      <c r="CW36" s="660"/>
      <c r="CX36" s="660"/>
      <c r="CY36" s="661"/>
      <c r="CZ36" s="664">
        <v>12.3</v>
      </c>
      <c r="DA36" s="690"/>
      <c r="DB36" s="690"/>
      <c r="DC36" s="694"/>
      <c r="DD36" s="668">
        <v>587675</v>
      </c>
      <c r="DE36" s="660"/>
      <c r="DF36" s="660"/>
      <c r="DG36" s="660"/>
      <c r="DH36" s="660"/>
      <c r="DI36" s="660"/>
      <c r="DJ36" s="660"/>
      <c r="DK36" s="661"/>
      <c r="DL36" s="668">
        <v>448308</v>
      </c>
      <c r="DM36" s="660"/>
      <c r="DN36" s="660"/>
      <c r="DO36" s="660"/>
      <c r="DP36" s="660"/>
      <c r="DQ36" s="660"/>
      <c r="DR36" s="660"/>
      <c r="DS36" s="660"/>
      <c r="DT36" s="660"/>
      <c r="DU36" s="660"/>
      <c r="DV36" s="661"/>
      <c r="DW36" s="664">
        <v>13.7</v>
      </c>
      <c r="DX36" s="690"/>
      <c r="DY36" s="690"/>
      <c r="DZ36" s="690"/>
      <c r="EA36" s="690"/>
      <c r="EB36" s="690"/>
      <c r="EC36" s="691"/>
    </row>
    <row r="37" spans="2:133" ht="11.25" customHeight="1" x14ac:dyDescent="0.2">
      <c r="B37" s="656" t="s">
        <v>331</v>
      </c>
      <c r="C37" s="657"/>
      <c r="D37" s="657"/>
      <c r="E37" s="657"/>
      <c r="F37" s="657"/>
      <c r="G37" s="657"/>
      <c r="H37" s="657"/>
      <c r="I37" s="657"/>
      <c r="J37" s="657"/>
      <c r="K37" s="657"/>
      <c r="L37" s="657"/>
      <c r="M37" s="657"/>
      <c r="N37" s="657"/>
      <c r="O37" s="657"/>
      <c r="P37" s="657"/>
      <c r="Q37" s="658"/>
      <c r="R37" s="659">
        <v>113146</v>
      </c>
      <c r="S37" s="660"/>
      <c r="T37" s="660"/>
      <c r="U37" s="660"/>
      <c r="V37" s="660"/>
      <c r="W37" s="660"/>
      <c r="X37" s="660"/>
      <c r="Y37" s="661"/>
      <c r="Z37" s="662">
        <v>2</v>
      </c>
      <c r="AA37" s="662"/>
      <c r="AB37" s="662"/>
      <c r="AC37" s="662"/>
      <c r="AD37" s="663">
        <v>17408</v>
      </c>
      <c r="AE37" s="663"/>
      <c r="AF37" s="663"/>
      <c r="AG37" s="663"/>
      <c r="AH37" s="663"/>
      <c r="AI37" s="663"/>
      <c r="AJ37" s="663"/>
      <c r="AK37" s="663"/>
      <c r="AL37" s="664">
        <v>0.5</v>
      </c>
      <c r="AM37" s="665"/>
      <c r="AN37" s="665"/>
      <c r="AO37" s="666"/>
      <c r="AQ37" s="722" t="s">
        <v>332</v>
      </c>
      <c r="AR37" s="723"/>
      <c r="AS37" s="723"/>
      <c r="AT37" s="723"/>
      <c r="AU37" s="723"/>
      <c r="AV37" s="723"/>
      <c r="AW37" s="723"/>
      <c r="AX37" s="723"/>
      <c r="AY37" s="724"/>
      <c r="AZ37" s="659">
        <v>79637</v>
      </c>
      <c r="BA37" s="660"/>
      <c r="BB37" s="660"/>
      <c r="BC37" s="660"/>
      <c r="BD37" s="692"/>
      <c r="BE37" s="692"/>
      <c r="BF37" s="714"/>
      <c r="BG37" s="656" t="s">
        <v>333</v>
      </c>
      <c r="BH37" s="657"/>
      <c r="BI37" s="657"/>
      <c r="BJ37" s="657"/>
      <c r="BK37" s="657"/>
      <c r="BL37" s="657"/>
      <c r="BM37" s="657"/>
      <c r="BN37" s="657"/>
      <c r="BO37" s="657"/>
      <c r="BP37" s="657"/>
      <c r="BQ37" s="657"/>
      <c r="BR37" s="657"/>
      <c r="BS37" s="657"/>
      <c r="BT37" s="657"/>
      <c r="BU37" s="658"/>
      <c r="BV37" s="659">
        <v>32371</v>
      </c>
      <c r="BW37" s="660"/>
      <c r="BX37" s="660"/>
      <c r="BY37" s="660"/>
      <c r="BZ37" s="660"/>
      <c r="CA37" s="660"/>
      <c r="CB37" s="669"/>
      <c r="CD37" s="656" t="s">
        <v>334</v>
      </c>
      <c r="CE37" s="657"/>
      <c r="CF37" s="657"/>
      <c r="CG37" s="657"/>
      <c r="CH37" s="657"/>
      <c r="CI37" s="657"/>
      <c r="CJ37" s="657"/>
      <c r="CK37" s="657"/>
      <c r="CL37" s="657"/>
      <c r="CM37" s="657"/>
      <c r="CN37" s="657"/>
      <c r="CO37" s="657"/>
      <c r="CP37" s="657"/>
      <c r="CQ37" s="658"/>
      <c r="CR37" s="659">
        <v>157671</v>
      </c>
      <c r="CS37" s="692"/>
      <c r="CT37" s="692"/>
      <c r="CU37" s="692"/>
      <c r="CV37" s="692"/>
      <c r="CW37" s="692"/>
      <c r="CX37" s="692"/>
      <c r="CY37" s="693"/>
      <c r="CZ37" s="664">
        <v>3</v>
      </c>
      <c r="DA37" s="690"/>
      <c r="DB37" s="690"/>
      <c r="DC37" s="694"/>
      <c r="DD37" s="668">
        <v>146680</v>
      </c>
      <c r="DE37" s="692"/>
      <c r="DF37" s="692"/>
      <c r="DG37" s="692"/>
      <c r="DH37" s="692"/>
      <c r="DI37" s="692"/>
      <c r="DJ37" s="692"/>
      <c r="DK37" s="693"/>
      <c r="DL37" s="668">
        <v>139543</v>
      </c>
      <c r="DM37" s="692"/>
      <c r="DN37" s="692"/>
      <c r="DO37" s="692"/>
      <c r="DP37" s="692"/>
      <c r="DQ37" s="692"/>
      <c r="DR37" s="692"/>
      <c r="DS37" s="692"/>
      <c r="DT37" s="692"/>
      <c r="DU37" s="692"/>
      <c r="DV37" s="693"/>
      <c r="DW37" s="664">
        <v>4.3</v>
      </c>
      <c r="DX37" s="690"/>
      <c r="DY37" s="690"/>
      <c r="DZ37" s="690"/>
      <c r="EA37" s="690"/>
      <c r="EB37" s="690"/>
      <c r="EC37" s="691"/>
    </row>
    <row r="38" spans="2:133" ht="11.25" customHeight="1" x14ac:dyDescent="0.2">
      <c r="B38" s="656" t="s">
        <v>335</v>
      </c>
      <c r="C38" s="657"/>
      <c r="D38" s="657"/>
      <c r="E38" s="657"/>
      <c r="F38" s="657"/>
      <c r="G38" s="657"/>
      <c r="H38" s="657"/>
      <c r="I38" s="657"/>
      <c r="J38" s="657"/>
      <c r="K38" s="657"/>
      <c r="L38" s="657"/>
      <c r="M38" s="657"/>
      <c r="N38" s="657"/>
      <c r="O38" s="657"/>
      <c r="P38" s="657"/>
      <c r="Q38" s="658"/>
      <c r="R38" s="659">
        <v>380400</v>
      </c>
      <c r="S38" s="660"/>
      <c r="T38" s="660"/>
      <c r="U38" s="660"/>
      <c r="V38" s="660"/>
      <c r="W38" s="660"/>
      <c r="X38" s="660"/>
      <c r="Y38" s="661"/>
      <c r="Z38" s="662">
        <v>6.6</v>
      </c>
      <c r="AA38" s="662"/>
      <c r="AB38" s="662"/>
      <c r="AC38" s="662"/>
      <c r="AD38" s="663" t="s">
        <v>129</v>
      </c>
      <c r="AE38" s="663"/>
      <c r="AF38" s="663"/>
      <c r="AG38" s="663"/>
      <c r="AH38" s="663"/>
      <c r="AI38" s="663"/>
      <c r="AJ38" s="663"/>
      <c r="AK38" s="663"/>
      <c r="AL38" s="664" t="s">
        <v>129</v>
      </c>
      <c r="AM38" s="665"/>
      <c r="AN38" s="665"/>
      <c r="AO38" s="666"/>
      <c r="AQ38" s="722" t="s">
        <v>336</v>
      </c>
      <c r="AR38" s="723"/>
      <c r="AS38" s="723"/>
      <c r="AT38" s="723"/>
      <c r="AU38" s="723"/>
      <c r="AV38" s="723"/>
      <c r="AW38" s="723"/>
      <c r="AX38" s="723"/>
      <c r="AY38" s="724"/>
      <c r="AZ38" s="659">
        <v>19551</v>
      </c>
      <c r="BA38" s="660"/>
      <c r="BB38" s="660"/>
      <c r="BC38" s="660"/>
      <c r="BD38" s="692"/>
      <c r="BE38" s="692"/>
      <c r="BF38" s="714"/>
      <c r="BG38" s="656" t="s">
        <v>337</v>
      </c>
      <c r="BH38" s="657"/>
      <c r="BI38" s="657"/>
      <c r="BJ38" s="657"/>
      <c r="BK38" s="657"/>
      <c r="BL38" s="657"/>
      <c r="BM38" s="657"/>
      <c r="BN38" s="657"/>
      <c r="BO38" s="657"/>
      <c r="BP38" s="657"/>
      <c r="BQ38" s="657"/>
      <c r="BR38" s="657"/>
      <c r="BS38" s="657"/>
      <c r="BT38" s="657"/>
      <c r="BU38" s="658"/>
      <c r="BV38" s="659">
        <v>1516</v>
      </c>
      <c r="BW38" s="660"/>
      <c r="BX38" s="660"/>
      <c r="BY38" s="660"/>
      <c r="BZ38" s="660"/>
      <c r="CA38" s="660"/>
      <c r="CB38" s="669"/>
      <c r="CD38" s="656" t="s">
        <v>338</v>
      </c>
      <c r="CE38" s="657"/>
      <c r="CF38" s="657"/>
      <c r="CG38" s="657"/>
      <c r="CH38" s="657"/>
      <c r="CI38" s="657"/>
      <c r="CJ38" s="657"/>
      <c r="CK38" s="657"/>
      <c r="CL38" s="657"/>
      <c r="CM38" s="657"/>
      <c r="CN38" s="657"/>
      <c r="CO38" s="657"/>
      <c r="CP38" s="657"/>
      <c r="CQ38" s="658"/>
      <c r="CR38" s="659">
        <v>521973</v>
      </c>
      <c r="CS38" s="660"/>
      <c r="CT38" s="660"/>
      <c r="CU38" s="660"/>
      <c r="CV38" s="660"/>
      <c r="CW38" s="660"/>
      <c r="CX38" s="660"/>
      <c r="CY38" s="661"/>
      <c r="CZ38" s="664">
        <v>9.9</v>
      </c>
      <c r="DA38" s="690"/>
      <c r="DB38" s="690"/>
      <c r="DC38" s="694"/>
      <c r="DD38" s="668">
        <v>445460</v>
      </c>
      <c r="DE38" s="660"/>
      <c r="DF38" s="660"/>
      <c r="DG38" s="660"/>
      <c r="DH38" s="660"/>
      <c r="DI38" s="660"/>
      <c r="DJ38" s="660"/>
      <c r="DK38" s="661"/>
      <c r="DL38" s="668">
        <v>430132</v>
      </c>
      <c r="DM38" s="660"/>
      <c r="DN38" s="660"/>
      <c r="DO38" s="660"/>
      <c r="DP38" s="660"/>
      <c r="DQ38" s="660"/>
      <c r="DR38" s="660"/>
      <c r="DS38" s="660"/>
      <c r="DT38" s="660"/>
      <c r="DU38" s="660"/>
      <c r="DV38" s="661"/>
      <c r="DW38" s="664">
        <v>13.1</v>
      </c>
      <c r="DX38" s="690"/>
      <c r="DY38" s="690"/>
      <c r="DZ38" s="690"/>
      <c r="EA38" s="690"/>
      <c r="EB38" s="690"/>
      <c r="EC38" s="691"/>
    </row>
    <row r="39" spans="2:133" ht="11.25" customHeight="1" x14ac:dyDescent="0.2">
      <c r="B39" s="656" t="s">
        <v>339</v>
      </c>
      <c r="C39" s="657"/>
      <c r="D39" s="657"/>
      <c r="E39" s="657"/>
      <c r="F39" s="657"/>
      <c r="G39" s="657"/>
      <c r="H39" s="657"/>
      <c r="I39" s="657"/>
      <c r="J39" s="657"/>
      <c r="K39" s="657"/>
      <c r="L39" s="657"/>
      <c r="M39" s="657"/>
      <c r="N39" s="657"/>
      <c r="O39" s="657"/>
      <c r="P39" s="657"/>
      <c r="Q39" s="658"/>
      <c r="R39" s="659" t="s">
        <v>233</v>
      </c>
      <c r="S39" s="660"/>
      <c r="T39" s="660"/>
      <c r="U39" s="660"/>
      <c r="V39" s="660"/>
      <c r="W39" s="660"/>
      <c r="X39" s="660"/>
      <c r="Y39" s="661"/>
      <c r="Z39" s="662" t="s">
        <v>233</v>
      </c>
      <c r="AA39" s="662"/>
      <c r="AB39" s="662"/>
      <c r="AC39" s="662"/>
      <c r="AD39" s="663" t="s">
        <v>233</v>
      </c>
      <c r="AE39" s="663"/>
      <c r="AF39" s="663"/>
      <c r="AG39" s="663"/>
      <c r="AH39" s="663"/>
      <c r="AI39" s="663"/>
      <c r="AJ39" s="663"/>
      <c r="AK39" s="663"/>
      <c r="AL39" s="664" t="s">
        <v>129</v>
      </c>
      <c r="AM39" s="665"/>
      <c r="AN39" s="665"/>
      <c r="AO39" s="666"/>
      <c r="AQ39" s="722" t="s">
        <v>340</v>
      </c>
      <c r="AR39" s="723"/>
      <c r="AS39" s="723"/>
      <c r="AT39" s="723"/>
      <c r="AU39" s="723"/>
      <c r="AV39" s="723"/>
      <c r="AW39" s="723"/>
      <c r="AX39" s="723"/>
      <c r="AY39" s="724"/>
      <c r="AZ39" s="659">
        <v>12522</v>
      </c>
      <c r="BA39" s="660"/>
      <c r="BB39" s="660"/>
      <c r="BC39" s="660"/>
      <c r="BD39" s="692"/>
      <c r="BE39" s="692"/>
      <c r="BF39" s="714"/>
      <c r="BG39" s="656" t="s">
        <v>341</v>
      </c>
      <c r="BH39" s="657"/>
      <c r="BI39" s="657"/>
      <c r="BJ39" s="657"/>
      <c r="BK39" s="657"/>
      <c r="BL39" s="657"/>
      <c r="BM39" s="657"/>
      <c r="BN39" s="657"/>
      <c r="BO39" s="657"/>
      <c r="BP39" s="657"/>
      <c r="BQ39" s="657"/>
      <c r="BR39" s="657"/>
      <c r="BS39" s="657"/>
      <c r="BT39" s="657"/>
      <c r="BU39" s="658"/>
      <c r="BV39" s="659">
        <v>2258</v>
      </c>
      <c r="BW39" s="660"/>
      <c r="BX39" s="660"/>
      <c r="BY39" s="660"/>
      <c r="BZ39" s="660"/>
      <c r="CA39" s="660"/>
      <c r="CB39" s="669"/>
      <c r="CD39" s="656" t="s">
        <v>342</v>
      </c>
      <c r="CE39" s="657"/>
      <c r="CF39" s="657"/>
      <c r="CG39" s="657"/>
      <c r="CH39" s="657"/>
      <c r="CI39" s="657"/>
      <c r="CJ39" s="657"/>
      <c r="CK39" s="657"/>
      <c r="CL39" s="657"/>
      <c r="CM39" s="657"/>
      <c r="CN39" s="657"/>
      <c r="CO39" s="657"/>
      <c r="CP39" s="657"/>
      <c r="CQ39" s="658"/>
      <c r="CR39" s="659">
        <v>360809</v>
      </c>
      <c r="CS39" s="692"/>
      <c r="CT39" s="692"/>
      <c r="CU39" s="692"/>
      <c r="CV39" s="692"/>
      <c r="CW39" s="692"/>
      <c r="CX39" s="692"/>
      <c r="CY39" s="693"/>
      <c r="CZ39" s="664">
        <v>6.9</v>
      </c>
      <c r="DA39" s="690"/>
      <c r="DB39" s="690"/>
      <c r="DC39" s="694"/>
      <c r="DD39" s="668">
        <v>360338</v>
      </c>
      <c r="DE39" s="692"/>
      <c r="DF39" s="692"/>
      <c r="DG39" s="692"/>
      <c r="DH39" s="692"/>
      <c r="DI39" s="692"/>
      <c r="DJ39" s="692"/>
      <c r="DK39" s="693"/>
      <c r="DL39" s="668" t="s">
        <v>129</v>
      </c>
      <c r="DM39" s="692"/>
      <c r="DN39" s="692"/>
      <c r="DO39" s="692"/>
      <c r="DP39" s="692"/>
      <c r="DQ39" s="692"/>
      <c r="DR39" s="692"/>
      <c r="DS39" s="692"/>
      <c r="DT39" s="692"/>
      <c r="DU39" s="692"/>
      <c r="DV39" s="693"/>
      <c r="DW39" s="664" t="s">
        <v>233</v>
      </c>
      <c r="DX39" s="690"/>
      <c r="DY39" s="690"/>
      <c r="DZ39" s="690"/>
      <c r="EA39" s="690"/>
      <c r="EB39" s="690"/>
      <c r="EC39" s="691"/>
    </row>
    <row r="40" spans="2:133" ht="11.25" customHeight="1" x14ac:dyDescent="0.2">
      <c r="B40" s="656" t="s">
        <v>343</v>
      </c>
      <c r="C40" s="657"/>
      <c r="D40" s="657"/>
      <c r="E40" s="657"/>
      <c r="F40" s="657"/>
      <c r="G40" s="657"/>
      <c r="H40" s="657"/>
      <c r="I40" s="657"/>
      <c r="J40" s="657"/>
      <c r="K40" s="657"/>
      <c r="L40" s="657"/>
      <c r="M40" s="657"/>
      <c r="N40" s="657"/>
      <c r="O40" s="657"/>
      <c r="P40" s="657"/>
      <c r="Q40" s="658"/>
      <c r="R40" s="659">
        <v>67200</v>
      </c>
      <c r="S40" s="660"/>
      <c r="T40" s="660"/>
      <c r="U40" s="660"/>
      <c r="V40" s="660"/>
      <c r="W40" s="660"/>
      <c r="X40" s="660"/>
      <c r="Y40" s="661"/>
      <c r="Z40" s="662">
        <v>1.2</v>
      </c>
      <c r="AA40" s="662"/>
      <c r="AB40" s="662"/>
      <c r="AC40" s="662"/>
      <c r="AD40" s="663" t="s">
        <v>233</v>
      </c>
      <c r="AE40" s="663"/>
      <c r="AF40" s="663"/>
      <c r="AG40" s="663"/>
      <c r="AH40" s="663"/>
      <c r="AI40" s="663"/>
      <c r="AJ40" s="663"/>
      <c r="AK40" s="663"/>
      <c r="AL40" s="664" t="s">
        <v>129</v>
      </c>
      <c r="AM40" s="665"/>
      <c r="AN40" s="665"/>
      <c r="AO40" s="666"/>
      <c r="AQ40" s="722" t="s">
        <v>344</v>
      </c>
      <c r="AR40" s="723"/>
      <c r="AS40" s="723"/>
      <c r="AT40" s="723"/>
      <c r="AU40" s="723"/>
      <c r="AV40" s="723"/>
      <c r="AW40" s="723"/>
      <c r="AX40" s="723"/>
      <c r="AY40" s="724"/>
      <c r="AZ40" s="659" t="s">
        <v>129</v>
      </c>
      <c r="BA40" s="660"/>
      <c r="BB40" s="660"/>
      <c r="BC40" s="660"/>
      <c r="BD40" s="692"/>
      <c r="BE40" s="692"/>
      <c r="BF40" s="714"/>
      <c r="BG40" s="707" t="s">
        <v>345</v>
      </c>
      <c r="BH40" s="708"/>
      <c r="BI40" s="708"/>
      <c r="BJ40" s="708"/>
      <c r="BK40" s="708"/>
      <c r="BL40" s="223"/>
      <c r="BM40" s="657" t="s">
        <v>346</v>
      </c>
      <c r="BN40" s="657"/>
      <c r="BO40" s="657"/>
      <c r="BP40" s="657"/>
      <c r="BQ40" s="657"/>
      <c r="BR40" s="657"/>
      <c r="BS40" s="657"/>
      <c r="BT40" s="657"/>
      <c r="BU40" s="658"/>
      <c r="BV40" s="659">
        <v>111</v>
      </c>
      <c r="BW40" s="660"/>
      <c r="BX40" s="660"/>
      <c r="BY40" s="660"/>
      <c r="BZ40" s="660"/>
      <c r="CA40" s="660"/>
      <c r="CB40" s="669"/>
      <c r="CD40" s="656" t="s">
        <v>347</v>
      </c>
      <c r="CE40" s="657"/>
      <c r="CF40" s="657"/>
      <c r="CG40" s="657"/>
      <c r="CH40" s="657"/>
      <c r="CI40" s="657"/>
      <c r="CJ40" s="657"/>
      <c r="CK40" s="657"/>
      <c r="CL40" s="657"/>
      <c r="CM40" s="657"/>
      <c r="CN40" s="657"/>
      <c r="CO40" s="657"/>
      <c r="CP40" s="657"/>
      <c r="CQ40" s="658"/>
      <c r="CR40" s="659">
        <v>5000</v>
      </c>
      <c r="CS40" s="660"/>
      <c r="CT40" s="660"/>
      <c r="CU40" s="660"/>
      <c r="CV40" s="660"/>
      <c r="CW40" s="660"/>
      <c r="CX40" s="660"/>
      <c r="CY40" s="661"/>
      <c r="CZ40" s="664">
        <v>0.1</v>
      </c>
      <c r="DA40" s="690"/>
      <c r="DB40" s="690"/>
      <c r="DC40" s="694"/>
      <c r="DD40" s="668" t="s">
        <v>233</v>
      </c>
      <c r="DE40" s="660"/>
      <c r="DF40" s="660"/>
      <c r="DG40" s="660"/>
      <c r="DH40" s="660"/>
      <c r="DI40" s="660"/>
      <c r="DJ40" s="660"/>
      <c r="DK40" s="661"/>
      <c r="DL40" s="668" t="s">
        <v>233</v>
      </c>
      <c r="DM40" s="660"/>
      <c r="DN40" s="660"/>
      <c r="DO40" s="660"/>
      <c r="DP40" s="660"/>
      <c r="DQ40" s="660"/>
      <c r="DR40" s="660"/>
      <c r="DS40" s="660"/>
      <c r="DT40" s="660"/>
      <c r="DU40" s="660"/>
      <c r="DV40" s="661"/>
      <c r="DW40" s="664" t="s">
        <v>129</v>
      </c>
      <c r="DX40" s="690"/>
      <c r="DY40" s="690"/>
      <c r="DZ40" s="690"/>
      <c r="EA40" s="690"/>
      <c r="EB40" s="690"/>
      <c r="EC40" s="691"/>
    </row>
    <row r="41" spans="2:133" ht="11.25" customHeight="1" x14ac:dyDescent="0.2">
      <c r="B41" s="680" t="s">
        <v>348</v>
      </c>
      <c r="C41" s="681"/>
      <c r="D41" s="681"/>
      <c r="E41" s="681"/>
      <c r="F41" s="681"/>
      <c r="G41" s="681"/>
      <c r="H41" s="681"/>
      <c r="I41" s="681"/>
      <c r="J41" s="681"/>
      <c r="K41" s="681"/>
      <c r="L41" s="681"/>
      <c r="M41" s="681"/>
      <c r="N41" s="681"/>
      <c r="O41" s="681"/>
      <c r="P41" s="681"/>
      <c r="Q41" s="682"/>
      <c r="R41" s="731">
        <v>5733697</v>
      </c>
      <c r="S41" s="732"/>
      <c r="T41" s="732"/>
      <c r="U41" s="732"/>
      <c r="V41" s="732"/>
      <c r="W41" s="732"/>
      <c r="X41" s="732"/>
      <c r="Y41" s="736"/>
      <c r="Z41" s="737">
        <v>100</v>
      </c>
      <c r="AA41" s="737"/>
      <c r="AB41" s="737"/>
      <c r="AC41" s="737"/>
      <c r="AD41" s="738">
        <v>3211628</v>
      </c>
      <c r="AE41" s="738"/>
      <c r="AF41" s="738"/>
      <c r="AG41" s="738"/>
      <c r="AH41" s="738"/>
      <c r="AI41" s="738"/>
      <c r="AJ41" s="738"/>
      <c r="AK41" s="738"/>
      <c r="AL41" s="739">
        <v>100</v>
      </c>
      <c r="AM41" s="719"/>
      <c r="AN41" s="719"/>
      <c r="AO41" s="740"/>
      <c r="AQ41" s="722" t="s">
        <v>349</v>
      </c>
      <c r="AR41" s="723"/>
      <c r="AS41" s="723"/>
      <c r="AT41" s="723"/>
      <c r="AU41" s="723"/>
      <c r="AV41" s="723"/>
      <c r="AW41" s="723"/>
      <c r="AX41" s="723"/>
      <c r="AY41" s="724"/>
      <c r="AZ41" s="659">
        <v>98322</v>
      </c>
      <c r="BA41" s="660"/>
      <c r="BB41" s="660"/>
      <c r="BC41" s="660"/>
      <c r="BD41" s="692"/>
      <c r="BE41" s="692"/>
      <c r="BF41" s="714"/>
      <c r="BG41" s="707"/>
      <c r="BH41" s="708"/>
      <c r="BI41" s="708"/>
      <c r="BJ41" s="708"/>
      <c r="BK41" s="708"/>
      <c r="BL41" s="223"/>
      <c r="BM41" s="657" t="s">
        <v>350</v>
      </c>
      <c r="BN41" s="657"/>
      <c r="BO41" s="657"/>
      <c r="BP41" s="657"/>
      <c r="BQ41" s="657"/>
      <c r="BR41" s="657"/>
      <c r="BS41" s="657"/>
      <c r="BT41" s="657"/>
      <c r="BU41" s="658"/>
      <c r="BV41" s="659" t="s">
        <v>129</v>
      </c>
      <c r="BW41" s="660"/>
      <c r="BX41" s="660"/>
      <c r="BY41" s="660"/>
      <c r="BZ41" s="660"/>
      <c r="CA41" s="660"/>
      <c r="CB41" s="669"/>
      <c r="CD41" s="656" t="s">
        <v>351</v>
      </c>
      <c r="CE41" s="657"/>
      <c r="CF41" s="657"/>
      <c r="CG41" s="657"/>
      <c r="CH41" s="657"/>
      <c r="CI41" s="657"/>
      <c r="CJ41" s="657"/>
      <c r="CK41" s="657"/>
      <c r="CL41" s="657"/>
      <c r="CM41" s="657"/>
      <c r="CN41" s="657"/>
      <c r="CO41" s="657"/>
      <c r="CP41" s="657"/>
      <c r="CQ41" s="658"/>
      <c r="CR41" s="659" t="s">
        <v>129</v>
      </c>
      <c r="CS41" s="692"/>
      <c r="CT41" s="692"/>
      <c r="CU41" s="692"/>
      <c r="CV41" s="692"/>
      <c r="CW41" s="692"/>
      <c r="CX41" s="692"/>
      <c r="CY41" s="693"/>
      <c r="CZ41" s="664" t="s">
        <v>129</v>
      </c>
      <c r="DA41" s="690"/>
      <c r="DB41" s="690"/>
      <c r="DC41" s="694"/>
      <c r="DD41" s="668" t="s">
        <v>129</v>
      </c>
      <c r="DE41" s="692"/>
      <c r="DF41" s="692"/>
      <c r="DG41" s="692"/>
      <c r="DH41" s="692"/>
      <c r="DI41" s="692"/>
      <c r="DJ41" s="692"/>
      <c r="DK41" s="693"/>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2</v>
      </c>
      <c r="AR42" s="729"/>
      <c r="AS42" s="729"/>
      <c r="AT42" s="729"/>
      <c r="AU42" s="729"/>
      <c r="AV42" s="729"/>
      <c r="AW42" s="729"/>
      <c r="AX42" s="729"/>
      <c r="AY42" s="730"/>
      <c r="AZ42" s="731">
        <v>324463</v>
      </c>
      <c r="BA42" s="732"/>
      <c r="BB42" s="732"/>
      <c r="BC42" s="732"/>
      <c r="BD42" s="718"/>
      <c r="BE42" s="718"/>
      <c r="BF42" s="720"/>
      <c r="BG42" s="709"/>
      <c r="BH42" s="710"/>
      <c r="BI42" s="710"/>
      <c r="BJ42" s="710"/>
      <c r="BK42" s="710"/>
      <c r="BL42" s="224"/>
      <c r="BM42" s="681" t="s">
        <v>353</v>
      </c>
      <c r="BN42" s="681"/>
      <c r="BO42" s="681"/>
      <c r="BP42" s="681"/>
      <c r="BQ42" s="681"/>
      <c r="BR42" s="681"/>
      <c r="BS42" s="681"/>
      <c r="BT42" s="681"/>
      <c r="BU42" s="682"/>
      <c r="BV42" s="731">
        <v>322</v>
      </c>
      <c r="BW42" s="732"/>
      <c r="BX42" s="732"/>
      <c r="BY42" s="732"/>
      <c r="BZ42" s="732"/>
      <c r="CA42" s="732"/>
      <c r="CB42" s="741"/>
      <c r="CD42" s="656" t="s">
        <v>354</v>
      </c>
      <c r="CE42" s="657"/>
      <c r="CF42" s="657"/>
      <c r="CG42" s="657"/>
      <c r="CH42" s="657"/>
      <c r="CI42" s="657"/>
      <c r="CJ42" s="657"/>
      <c r="CK42" s="657"/>
      <c r="CL42" s="657"/>
      <c r="CM42" s="657"/>
      <c r="CN42" s="657"/>
      <c r="CO42" s="657"/>
      <c r="CP42" s="657"/>
      <c r="CQ42" s="658"/>
      <c r="CR42" s="659">
        <v>812344</v>
      </c>
      <c r="CS42" s="692"/>
      <c r="CT42" s="692"/>
      <c r="CU42" s="692"/>
      <c r="CV42" s="692"/>
      <c r="CW42" s="692"/>
      <c r="CX42" s="692"/>
      <c r="CY42" s="693"/>
      <c r="CZ42" s="664">
        <v>15.4</v>
      </c>
      <c r="DA42" s="690"/>
      <c r="DB42" s="690"/>
      <c r="DC42" s="694"/>
      <c r="DD42" s="668">
        <v>131527</v>
      </c>
      <c r="DE42" s="692"/>
      <c r="DF42" s="692"/>
      <c r="DG42" s="692"/>
      <c r="DH42" s="692"/>
      <c r="DI42" s="692"/>
      <c r="DJ42" s="692"/>
      <c r="DK42" s="693"/>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5</v>
      </c>
      <c r="CD43" s="656" t="s">
        <v>356</v>
      </c>
      <c r="CE43" s="657"/>
      <c r="CF43" s="657"/>
      <c r="CG43" s="657"/>
      <c r="CH43" s="657"/>
      <c r="CI43" s="657"/>
      <c r="CJ43" s="657"/>
      <c r="CK43" s="657"/>
      <c r="CL43" s="657"/>
      <c r="CM43" s="657"/>
      <c r="CN43" s="657"/>
      <c r="CO43" s="657"/>
      <c r="CP43" s="657"/>
      <c r="CQ43" s="658"/>
      <c r="CR43" s="659">
        <v>14076</v>
      </c>
      <c r="CS43" s="692"/>
      <c r="CT43" s="692"/>
      <c r="CU43" s="692"/>
      <c r="CV43" s="692"/>
      <c r="CW43" s="692"/>
      <c r="CX43" s="692"/>
      <c r="CY43" s="693"/>
      <c r="CZ43" s="664">
        <v>0.3</v>
      </c>
      <c r="DA43" s="690"/>
      <c r="DB43" s="690"/>
      <c r="DC43" s="694"/>
      <c r="DD43" s="668">
        <v>14076</v>
      </c>
      <c r="DE43" s="692"/>
      <c r="DF43" s="692"/>
      <c r="DG43" s="692"/>
      <c r="DH43" s="692"/>
      <c r="DI43" s="692"/>
      <c r="DJ43" s="692"/>
      <c r="DK43" s="693"/>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57</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4</v>
      </c>
      <c r="CE44" s="696"/>
      <c r="CF44" s="656" t="s">
        <v>358</v>
      </c>
      <c r="CG44" s="657"/>
      <c r="CH44" s="657"/>
      <c r="CI44" s="657"/>
      <c r="CJ44" s="657"/>
      <c r="CK44" s="657"/>
      <c r="CL44" s="657"/>
      <c r="CM44" s="657"/>
      <c r="CN44" s="657"/>
      <c r="CO44" s="657"/>
      <c r="CP44" s="657"/>
      <c r="CQ44" s="658"/>
      <c r="CR44" s="659">
        <v>812344</v>
      </c>
      <c r="CS44" s="660"/>
      <c r="CT44" s="660"/>
      <c r="CU44" s="660"/>
      <c r="CV44" s="660"/>
      <c r="CW44" s="660"/>
      <c r="CX44" s="660"/>
      <c r="CY44" s="661"/>
      <c r="CZ44" s="664">
        <v>15.4</v>
      </c>
      <c r="DA44" s="665"/>
      <c r="DB44" s="665"/>
      <c r="DC44" s="671"/>
      <c r="DD44" s="668">
        <v>131527</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59</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0</v>
      </c>
      <c r="CG45" s="657"/>
      <c r="CH45" s="657"/>
      <c r="CI45" s="657"/>
      <c r="CJ45" s="657"/>
      <c r="CK45" s="657"/>
      <c r="CL45" s="657"/>
      <c r="CM45" s="657"/>
      <c r="CN45" s="657"/>
      <c r="CO45" s="657"/>
      <c r="CP45" s="657"/>
      <c r="CQ45" s="658"/>
      <c r="CR45" s="659">
        <v>655115</v>
      </c>
      <c r="CS45" s="692"/>
      <c r="CT45" s="692"/>
      <c r="CU45" s="692"/>
      <c r="CV45" s="692"/>
      <c r="CW45" s="692"/>
      <c r="CX45" s="692"/>
      <c r="CY45" s="693"/>
      <c r="CZ45" s="664">
        <v>12.4</v>
      </c>
      <c r="DA45" s="690"/>
      <c r="DB45" s="690"/>
      <c r="DC45" s="694"/>
      <c r="DD45" s="668">
        <v>25229</v>
      </c>
      <c r="DE45" s="692"/>
      <c r="DF45" s="692"/>
      <c r="DG45" s="692"/>
      <c r="DH45" s="692"/>
      <c r="DI45" s="692"/>
      <c r="DJ45" s="692"/>
      <c r="DK45" s="693"/>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1</v>
      </c>
      <c r="CG46" s="657"/>
      <c r="CH46" s="657"/>
      <c r="CI46" s="657"/>
      <c r="CJ46" s="657"/>
      <c r="CK46" s="657"/>
      <c r="CL46" s="657"/>
      <c r="CM46" s="657"/>
      <c r="CN46" s="657"/>
      <c r="CO46" s="657"/>
      <c r="CP46" s="657"/>
      <c r="CQ46" s="658"/>
      <c r="CR46" s="659">
        <v>157229</v>
      </c>
      <c r="CS46" s="660"/>
      <c r="CT46" s="660"/>
      <c r="CU46" s="660"/>
      <c r="CV46" s="660"/>
      <c r="CW46" s="660"/>
      <c r="CX46" s="660"/>
      <c r="CY46" s="661"/>
      <c r="CZ46" s="664">
        <v>3</v>
      </c>
      <c r="DA46" s="665"/>
      <c r="DB46" s="665"/>
      <c r="DC46" s="671"/>
      <c r="DD46" s="668">
        <v>106298</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2</v>
      </c>
      <c r="CG47" s="657"/>
      <c r="CH47" s="657"/>
      <c r="CI47" s="657"/>
      <c r="CJ47" s="657"/>
      <c r="CK47" s="657"/>
      <c r="CL47" s="657"/>
      <c r="CM47" s="657"/>
      <c r="CN47" s="657"/>
      <c r="CO47" s="657"/>
      <c r="CP47" s="657"/>
      <c r="CQ47" s="658"/>
      <c r="CR47" s="659" t="s">
        <v>129</v>
      </c>
      <c r="CS47" s="692"/>
      <c r="CT47" s="692"/>
      <c r="CU47" s="692"/>
      <c r="CV47" s="692"/>
      <c r="CW47" s="692"/>
      <c r="CX47" s="692"/>
      <c r="CY47" s="693"/>
      <c r="CZ47" s="664" t="s">
        <v>233</v>
      </c>
      <c r="DA47" s="690"/>
      <c r="DB47" s="690"/>
      <c r="DC47" s="694"/>
      <c r="DD47" s="668" t="s">
        <v>233</v>
      </c>
      <c r="DE47" s="692"/>
      <c r="DF47" s="692"/>
      <c r="DG47" s="692"/>
      <c r="DH47" s="692"/>
      <c r="DI47" s="692"/>
      <c r="DJ47" s="692"/>
      <c r="DK47" s="693"/>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3</v>
      </c>
      <c r="CG48" s="657"/>
      <c r="CH48" s="657"/>
      <c r="CI48" s="657"/>
      <c r="CJ48" s="657"/>
      <c r="CK48" s="657"/>
      <c r="CL48" s="657"/>
      <c r="CM48" s="657"/>
      <c r="CN48" s="657"/>
      <c r="CO48" s="657"/>
      <c r="CP48" s="657"/>
      <c r="CQ48" s="658"/>
      <c r="CR48" s="659" t="s">
        <v>129</v>
      </c>
      <c r="CS48" s="660"/>
      <c r="CT48" s="660"/>
      <c r="CU48" s="660"/>
      <c r="CV48" s="660"/>
      <c r="CW48" s="660"/>
      <c r="CX48" s="660"/>
      <c r="CY48" s="661"/>
      <c r="CZ48" s="664" t="s">
        <v>129</v>
      </c>
      <c r="DA48" s="665"/>
      <c r="DB48" s="665"/>
      <c r="DC48" s="671"/>
      <c r="DD48" s="668" t="s">
        <v>233</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4</v>
      </c>
      <c r="CE49" s="681"/>
      <c r="CF49" s="681"/>
      <c r="CG49" s="681"/>
      <c r="CH49" s="681"/>
      <c r="CI49" s="681"/>
      <c r="CJ49" s="681"/>
      <c r="CK49" s="681"/>
      <c r="CL49" s="681"/>
      <c r="CM49" s="681"/>
      <c r="CN49" s="681"/>
      <c r="CO49" s="681"/>
      <c r="CP49" s="681"/>
      <c r="CQ49" s="682"/>
      <c r="CR49" s="731">
        <v>5265852</v>
      </c>
      <c r="CS49" s="718"/>
      <c r="CT49" s="718"/>
      <c r="CU49" s="718"/>
      <c r="CV49" s="718"/>
      <c r="CW49" s="718"/>
      <c r="CX49" s="718"/>
      <c r="CY49" s="747"/>
      <c r="CZ49" s="739">
        <v>100</v>
      </c>
      <c r="DA49" s="748"/>
      <c r="DB49" s="748"/>
      <c r="DC49" s="749"/>
      <c r="DD49" s="750">
        <v>3580242</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i11oiFwo9vRKVf/fKW1GCLk4R5d7anfEWxi7/GckK2pdGos88Iz2jzkPFpSk4y5qTOP88WH/BzG8wmLp5BFKCA==" saltValue="Du673a6no7A5aZAkWnLQ7A=="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81640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5</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66</v>
      </c>
      <c r="DK2" s="759"/>
      <c r="DL2" s="759"/>
      <c r="DM2" s="759"/>
      <c r="DN2" s="759"/>
      <c r="DO2" s="760"/>
      <c r="DP2" s="228"/>
      <c r="DQ2" s="758" t="s">
        <v>367</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68</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69</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0</v>
      </c>
      <c r="B5" s="764"/>
      <c r="C5" s="764"/>
      <c r="D5" s="764"/>
      <c r="E5" s="764"/>
      <c r="F5" s="764"/>
      <c r="G5" s="764"/>
      <c r="H5" s="764"/>
      <c r="I5" s="764"/>
      <c r="J5" s="764"/>
      <c r="K5" s="764"/>
      <c r="L5" s="764"/>
      <c r="M5" s="764"/>
      <c r="N5" s="764"/>
      <c r="O5" s="764"/>
      <c r="P5" s="765"/>
      <c r="Q5" s="769" t="s">
        <v>371</v>
      </c>
      <c r="R5" s="770"/>
      <c r="S5" s="770"/>
      <c r="T5" s="770"/>
      <c r="U5" s="771"/>
      <c r="V5" s="769" t="s">
        <v>372</v>
      </c>
      <c r="W5" s="770"/>
      <c r="X5" s="770"/>
      <c r="Y5" s="770"/>
      <c r="Z5" s="771"/>
      <c r="AA5" s="769" t="s">
        <v>373</v>
      </c>
      <c r="AB5" s="770"/>
      <c r="AC5" s="770"/>
      <c r="AD5" s="770"/>
      <c r="AE5" s="770"/>
      <c r="AF5" s="775" t="s">
        <v>374</v>
      </c>
      <c r="AG5" s="770"/>
      <c r="AH5" s="770"/>
      <c r="AI5" s="770"/>
      <c r="AJ5" s="776"/>
      <c r="AK5" s="770" t="s">
        <v>375</v>
      </c>
      <c r="AL5" s="770"/>
      <c r="AM5" s="770"/>
      <c r="AN5" s="770"/>
      <c r="AO5" s="771"/>
      <c r="AP5" s="769" t="s">
        <v>376</v>
      </c>
      <c r="AQ5" s="770"/>
      <c r="AR5" s="770"/>
      <c r="AS5" s="770"/>
      <c r="AT5" s="771"/>
      <c r="AU5" s="769" t="s">
        <v>377</v>
      </c>
      <c r="AV5" s="770"/>
      <c r="AW5" s="770"/>
      <c r="AX5" s="770"/>
      <c r="AY5" s="776"/>
      <c r="AZ5" s="232"/>
      <c r="BA5" s="232"/>
      <c r="BB5" s="232"/>
      <c r="BC5" s="232"/>
      <c r="BD5" s="232"/>
      <c r="BE5" s="233"/>
      <c r="BF5" s="233"/>
      <c r="BG5" s="233"/>
      <c r="BH5" s="233"/>
      <c r="BI5" s="233"/>
      <c r="BJ5" s="233"/>
      <c r="BK5" s="233"/>
      <c r="BL5" s="233"/>
      <c r="BM5" s="233"/>
      <c r="BN5" s="233"/>
      <c r="BO5" s="233"/>
      <c r="BP5" s="233"/>
      <c r="BQ5" s="763" t="s">
        <v>378</v>
      </c>
      <c r="BR5" s="764"/>
      <c r="BS5" s="764"/>
      <c r="BT5" s="764"/>
      <c r="BU5" s="764"/>
      <c r="BV5" s="764"/>
      <c r="BW5" s="764"/>
      <c r="BX5" s="764"/>
      <c r="BY5" s="764"/>
      <c r="BZ5" s="764"/>
      <c r="CA5" s="764"/>
      <c r="CB5" s="764"/>
      <c r="CC5" s="764"/>
      <c r="CD5" s="764"/>
      <c r="CE5" s="764"/>
      <c r="CF5" s="764"/>
      <c r="CG5" s="765"/>
      <c r="CH5" s="769" t="s">
        <v>379</v>
      </c>
      <c r="CI5" s="770"/>
      <c r="CJ5" s="770"/>
      <c r="CK5" s="770"/>
      <c r="CL5" s="771"/>
      <c r="CM5" s="769" t="s">
        <v>380</v>
      </c>
      <c r="CN5" s="770"/>
      <c r="CO5" s="770"/>
      <c r="CP5" s="770"/>
      <c r="CQ5" s="771"/>
      <c r="CR5" s="769" t="s">
        <v>381</v>
      </c>
      <c r="CS5" s="770"/>
      <c r="CT5" s="770"/>
      <c r="CU5" s="770"/>
      <c r="CV5" s="771"/>
      <c r="CW5" s="769" t="s">
        <v>382</v>
      </c>
      <c r="CX5" s="770"/>
      <c r="CY5" s="770"/>
      <c r="CZ5" s="770"/>
      <c r="DA5" s="771"/>
      <c r="DB5" s="769" t="s">
        <v>383</v>
      </c>
      <c r="DC5" s="770"/>
      <c r="DD5" s="770"/>
      <c r="DE5" s="770"/>
      <c r="DF5" s="771"/>
      <c r="DG5" s="799" t="s">
        <v>384</v>
      </c>
      <c r="DH5" s="800"/>
      <c r="DI5" s="800"/>
      <c r="DJ5" s="800"/>
      <c r="DK5" s="801"/>
      <c r="DL5" s="799" t="s">
        <v>385</v>
      </c>
      <c r="DM5" s="800"/>
      <c r="DN5" s="800"/>
      <c r="DO5" s="800"/>
      <c r="DP5" s="801"/>
      <c r="DQ5" s="769" t="s">
        <v>386</v>
      </c>
      <c r="DR5" s="770"/>
      <c r="DS5" s="770"/>
      <c r="DT5" s="770"/>
      <c r="DU5" s="771"/>
      <c r="DV5" s="769" t="s">
        <v>377</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87</v>
      </c>
      <c r="C7" s="786"/>
      <c r="D7" s="786"/>
      <c r="E7" s="786"/>
      <c r="F7" s="786"/>
      <c r="G7" s="786"/>
      <c r="H7" s="786"/>
      <c r="I7" s="786"/>
      <c r="J7" s="786"/>
      <c r="K7" s="786"/>
      <c r="L7" s="786"/>
      <c r="M7" s="786"/>
      <c r="N7" s="786"/>
      <c r="O7" s="786"/>
      <c r="P7" s="787"/>
      <c r="Q7" s="788">
        <v>5745</v>
      </c>
      <c r="R7" s="789"/>
      <c r="S7" s="789"/>
      <c r="T7" s="789"/>
      <c r="U7" s="789"/>
      <c r="V7" s="789">
        <v>5277</v>
      </c>
      <c r="W7" s="789"/>
      <c r="X7" s="789"/>
      <c r="Y7" s="789"/>
      <c r="Z7" s="789"/>
      <c r="AA7" s="789">
        <v>468</v>
      </c>
      <c r="AB7" s="789"/>
      <c r="AC7" s="789"/>
      <c r="AD7" s="789"/>
      <c r="AE7" s="790"/>
      <c r="AF7" s="791">
        <v>385</v>
      </c>
      <c r="AG7" s="792"/>
      <c r="AH7" s="792"/>
      <c r="AI7" s="792"/>
      <c r="AJ7" s="793"/>
      <c r="AK7" s="794">
        <v>160</v>
      </c>
      <c r="AL7" s="795"/>
      <c r="AM7" s="795"/>
      <c r="AN7" s="795"/>
      <c r="AO7" s="795"/>
      <c r="AP7" s="795">
        <v>5559</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c r="BS7" s="782" t="s">
        <v>572</v>
      </c>
      <c r="BT7" s="783"/>
      <c r="BU7" s="783"/>
      <c r="BV7" s="783"/>
      <c r="BW7" s="783"/>
      <c r="BX7" s="783"/>
      <c r="BY7" s="783"/>
      <c r="BZ7" s="783"/>
      <c r="CA7" s="783"/>
      <c r="CB7" s="783"/>
      <c r="CC7" s="783"/>
      <c r="CD7" s="783"/>
      <c r="CE7" s="783"/>
      <c r="CF7" s="783"/>
      <c r="CG7" s="798"/>
      <c r="CH7" s="779">
        <v>0</v>
      </c>
      <c r="CI7" s="780"/>
      <c r="CJ7" s="780"/>
      <c r="CK7" s="780"/>
      <c r="CL7" s="781"/>
      <c r="CM7" s="779">
        <v>6</v>
      </c>
      <c r="CN7" s="780"/>
      <c r="CO7" s="780"/>
      <c r="CP7" s="780"/>
      <c r="CQ7" s="781"/>
      <c r="CR7" s="779">
        <v>3</v>
      </c>
      <c r="CS7" s="780"/>
      <c r="CT7" s="780"/>
      <c r="CU7" s="780"/>
      <c r="CV7" s="781"/>
      <c r="CW7" s="779" t="s">
        <v>507</v>
      </c>
      <c r="CX7" s="780"/>
      <c r="CY7" s="780"/>
      <c r="CZ7" s="780"/>
      <c r="DA7" s="781"/>
      <c r="DB7" s="779" t="s">
        <v>507</v>
      </c>
      <c r="DC7" s="780"/>
      <c r="DD7" s="780"/>
      <c r="DE7" s="780"/>
      <c r="DF7" s="781"/>
      <c r="DG7" s="779" t="s">
        <v>507</v>
      </c>
      <c r="DH7" s="780"/>
      <c r="DI7" s="780"/>
      <c r="DJ7" s="780"/>
      <c r="DK7" s="781"/>
      <c r="DL7" s="779" t="s">
        <v>507</v>
      </c>
      <c r="DM7" s="780"/>
      <c r="DN7" s="780"/>
      <c r="DO7" s="780"/>
      <c r="DP7" s="781"/>
      <c r="DQ7" s="779" t="s">
        <v>507</v>
      </c>
      <c r="DR7" s="780"/>
      <c r="DS7" s="780"/>
      <c r="DT7" s="780"/>
      <c r="DU7" s="781"/>
      <c r="DV7" s="782"/>
      <c r="DW7" s="783"/>
      <c r="DX7" s="783"/>
      <c r="DY7" s="783"/>
      <c r="DZ7" s="784"/>
      <c r="EA7" s="234"/>
    </row>
    <row r="8" spans="1:131" s="235" customFormat="1" ht="26.25" customHeight="1" x14ac:dyDescent="0.2">
      <c r="A8" s="238">
        <v>2</v>
      </c>
      <c r="B8" s="816" t="s">
        <v>388</v>
      </c>
      <c r="C8" s="817"/>
      <c r="D8" s="817"/>
      <c r="E8" s="817"/>
      <c r="F8" s="817"/>
      <c r="G8" s="817"/>
      <c r="H8" s="817"/>
      <c r="I8" s="817"/>
      <c r="J8" s="817"/>
      <c r="K8" s="817"/>
      <c r="L8" s="817"/>
      <c r="M8" s="817"/>
      <c r="N8" s="817"/>
      <c r="O8" s="817"/>
      <c r="P8" s="818"/>
      <c r="Q8" s="819">
        <v>15</v>
      </c>
      <c r="R8" s="820"/>
      <c r="S8" s="820"/>
      <c r="T8" s="820"/>
      <c r="U8" s="820"/>
      <c r="V8" s="820">
        <v>15</v>
      </c>
      <c r="W8" s="820"/>
      <c r="X8" s="820"/>
      <c r="Y8" s="820"/>
      <c r="Z8" s="820"/>
      <c r="AA8" s="820">
        <v>0</v>
      </c>
      <c r="AB8" s="820"/>
      <c r="AC8" s="820"/>
      <c r="AD8" s="820"/>
      <c r="AE8" s="821"/>
      <c r="AF8" s="822">
        <v>0</v>
      </c>
      <c r="AG8" s="823"/>
      <c r="AH8" s="823"/>
      <c r="AI8" s="823"/>
      <c r="AJ8" s="824"/>
      <c r="AK8" s="805">
        <v>15</v>
      </c>
      <c r="AL8" s="806"/>
      <c r="AM8" s="806"/>
      <c r="AN8" s="806"/>
      <c r="AO8" s="806"/>
      <c r="AP8" s="806">
        <v>46</v>
      </c>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c r="BS8" s="809"/>
      <c r="BT8" s="810"/>
      <c r="BU8" s="810"/>
      <c r="BV8" s="810"/>
      <c r="BW8" s="810"/>
      <c r="BX8" s="810"/>
      <c r="BY8" s="810"/>
      <c r="BZ8" s="810"/>
      <c r="CA8" s="810"/>
      <c r="CB8" s="810"/>
      <c r="CC8" s="810"/>
      <c r="CD8" s="810"/>
      <c r="CE8" s="810"/>
      <c r="CF8" s="810"/>
      <c r="CG8" s="811"/>
      <c r="CH8" s="812"/>
      <c r="CI8" s="813"/>
      <c r="CJ8" s="813"/>
      <c r="CK8" s="813"/>
      <c r="CL8" s="814"/>
      <c r="CM8" s="812"/>
      <c r="CN8" s="813"/>
      <c r="CO8" s="813"/>
      <c r="CP8" s="813"/>
      <c r="CQ8" s="814"/>
      <c r="CR8" s="812"/>
      <c r="CS8" s="813"/>
      <c r="CT8" s="813"/>
      <c r="CU8" s="813"/>
      <c r="CV8" s="814"/>
      <c r="CW8" s="812"/>
      <c r="CX8" s="813"/>
      <c r="CY8" s="813"/>
      <c r="CZ8" s="813"/>
      <c r="DA8" s="814"/>
      <c r="DB8" s="812"/>
      <c r="DC8" s="813"/>
      <c r="DD8" s="813"/>
      <c r="DE8" s="813"/>
      <c r="DF8" s="814"/>
      <c r="DG8" s="812"/>
      <c r="DH8" s="813"/>
      <c r="DI8" s="813"/>
      <c r="DJ8" s="813"/>
      <c r="DK8" s="814"/>
      <c r="DL8" s="812"/>
      <c r="DM8" s="813"/>
      <c r="DN8" s="813"/>
      <c r="DO8" s="813"/>
      <c r="DP8" s="814"/>
      <c r="DQ8" s="812"/>
      <c r="DR8" s="813"/>
      <c r="DS8" s="813"/>
      <c r="DT8" s="813"/>
      <c r="DU8" s="814"/>
      <c r="DV8" s="809"/>
      <c r="DW8" s="810"/>
      <c r="DX8" s="810"/>
      <c r="DY8" s="810"/>
      <c r="DZ8" s="815"/>
      <c r="EA8" s="234"/>
    </row>
    <row r="9" spans="1:131" s="235" customFormat="1" ht="26.25" customHeight="1" x14ac:dyDescent="0.2">
      <c r="A9" s="238">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c r="BT9" s="810"/>
      <c r="BU9" s="810"/>
      <c r="BV9" s="810"/>
      <c r="BW9" s="810"/>
      <c r="BX9" s="810"/>
      <c r="BY9" s="810"/>
      <c r="BZ9" s="810"/>
      <c r="CA9" s="810"/>
      <c r="CB9" s="810"/>
      <c r="CC9" s="810"/>
      <c r="CD9" s="810"/>
      <c r="CE9" s="810"/>
      <c r="CF9" s="810"/>
      <c r="CG9" s="811"/>
      <c r="CH9" s="812"/>
      <c r="CI9" s="813"/>
      <c r="CJ9" s="813"/>
      <c r="CK9" s="813"/>
      <c r="CL9" s="814"/>
      <c r="CM9" s="812"/>
      <c r="CN9" s="813"/>
      <c r="CO9" s="813"/>
      <c r="CP9" s="813"/>
      <c r="CQ9" s="814"/>
      <c r="CR9" s="812"/>
      <c r="CS9" s="813"/>
      <c r="CT9" s="813"/>
      <c r="CU9" s="813"/>
      <c r="CV9" s="814"/>
      <c r="CW9" s="812"/>
      <c r="CX9" s="813"/>
      <c r="CY9" s="813"/>
      <c r="CZ9" s="813"/>
      <c r="DA9" s="814"/>
      <c r="DB9" s="812"/>
      <c r="DC9" s="813"/>
      <c r="DD9" s="813"/>
      <c r="DE9" s="813"/>
      <c r="DF9" s="814"/>
      <c r="DG9" s="812"/>
      <c r="DH9" s="813"/>
      <c r="DI9" s="813"/>
      <c r="DJ9" s="813"/>
      <c r="DK9" s="814"/>
      <c r="DL9" s="812"/>
      <c r="DM9" s="813"/>
      <c r="DN9" s="813"/>
      <c r="DO9" s="813"/>
      <c r="DP9" s="814"/>
      <c r="DQ9" s="812"/>
      <c r="DR9" s="813"/>
      <c r="DS9" s="813"/>
      <c r="DT9" s="813"/>
      <c r="DU9" s="814"/>
      <c r="DV9" s="809"/>
      <c r="DW9" s="810"/>
      <c r="DX9" s="810"/>
      <c r="DY9" s="810"/>
      <c r="DZ9" s="815"/>
      <c r="EA9" s="234"/>
    </row>
    <row r="10" spans="1:131" s="235" customFormat="1" ht="26.25" customHeight="1" x14ac:dyDescent="0.2">
      <c r="A10" s="238">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4"/>
    </row>
    <row r="11" spans="1:131" s="235" customFormat="1" ht="26.25" customHeight="1" x14ac:dyDescent="0.2">
      <c r="A11" s="238">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4"/>
    </row>
    <row r="12" spans="1:131" s="235" customFormat="1" ht="26.25" customHeight="1" x14ac:dyDescent="0.2">
      <c r="A12" s="238">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4"/>
    </row>
    <row r="13" spans="1:131" s="235" customFormat="1" ht="26.25" customHeight="1" x14ac:dyDescent="0.2">
      <c r="A13" s="238">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4"/>
    </row>
    <row r="14" spans="1:131" s="235" customFormat="1" ht="26.25" customHeight="1" x14ac:dyDescent="0.2">
      <c r="A14" s="238">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4"/>
    </row>
    <row r="15" spans="1:131" s="235" customFormat="1" ht="26.25" customHeight="1" x14ac:dyDescent="0.2">
      <c r="A15" s="238">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89</v>
      </c>
      <c r="BA22" s="842"/>
      <c r="BB22" s="842"/>
      <c r="BC22" s="842"/>
      <c r="BD22" s="843"/>
      <c r="BE22" s="233"/>
      <c r="BF22" s="233"/>
      <c r="BG22" s="233"/>
      <c r="BH22" s="233"/>
      <c r="BI22" s="233"/>
      <c r="BJ22" s="233"/>
      <c r="BK22" s="233"/>
      <c r="BL22" s="233"/>
      <c r="BM22" s="233"/>
      <c r="BN22" s="233"/>
      <c r="BO22" s="233"/>
      <c r="BP22" s="233"/>
      <c r="BQ22" s="238">
        <v>16</v>
      </c>
      <c r="BR22" s="239"/>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4"/>
    </row>
    <row r="23" spans="1:131" s="235" customFormat="1" ht="26.25" customHeight="1" thickBot="1" x14ac:dyDescent="0.25">
      <c r="A23" s="240" t="s">
        <v>390</v>
      </c>
      <c r="B23" s="825" t="s">
        <v>391</v>
      </c>
      <c r="C23" s="826"/>
      <c r="D23" s="826"/>
      <c r="E23" s="826"/>
      <c r="F23" s="826"/>
      <c r="G23" s="826"/>
      <c r="H23" s="826"/>
      <c r="I23" s="826"/>
      <c r="J23" s="826"/>
      <c r="K23" s="826"/>
      <c r="L23" s="826"/>
      <c r="M23" s="826"/>
      <c r="N23" s="826"/>
      <c r="O23" s="826"/>
      <c r="P23" s="827"/>
      <c r="Q23" s="828">
        <v>5745</v>
      </c>
      <c r="R23" s="829"/>
      <c r="S23" s="829"/>
      <c r="T23" s="829"/>
      <c r="U23" s="829"/>
      <c r="V23" s="829">
        <v>5277</v>
      </c>
      <c r="W23" s="829"/>
      <c r="X23" s="829"/>
      <c r="Y23" s="829"/>
      <c r="Z23" s="829"/>
      <c r="AA23" s="829">
        <v>468</v>
      </c>
      <c r="AB23" s="829"/>
      <c r="AC23" s="829"/>
      <c r="AD23" s="829"/>
      <c r="AE23" s="830"/>
      <c r="AF23" s="831">
        <v>385</v>
      </c>
      <c r="AG23" s="829"/>
      <c r="AH23" s="829"/>
      <c r="AI23" s="829"/>
      <c r="AJ23" s="832"/>
      <c r="AK23" s="833"/>
      <c r="AL23" s="834"/>
      <c r="AM23" s="834"/>
      <c r="AN23" s="834"/>
      <c r="AO23" s="834"/>
      <c r="AP23" s="829">
        <v>5604</v>
      </c>
      <c r="AQ23" s="829"/>
      <c r="AR23" s="829"/>
      <c r="AS23" s="829"/>
      <c r="AT23" s="829"/>
      <c r="AU23" s="845"/>
      <c r="AV23" s="845"/>
      <c r="AW23" s="845"/>
      <c r="AX23" s="845"/>
      <c r="AY23" s="846"/>
      <c r="AZ23" s="847" t="s">
        <v>129</v>
      </c>
      <c r="BA23" s="848"/>
      <c r="BB23" s="848"/>
      <c r="BC23" s="848"/>
      <c r="BD23" s="849"/>
      <c r="BE23" s="233"/>
      <c r="BF23" s="233"/>
      <c r="BG23" s="233"/>
      <c r="BH23" s="233"/>
      <c r="BI23" s="233"/>
      <c r="BJ23" s="233"/>
      <c r="BK23" s="233"/>
      <c r="BL23" s="233"/>
      <c r="BM23" s="233"/>
      <c r="BN23" s="233"/>
      <c r="BO23" s="233"/>
      <c r="BP23" s="233"/>
      <c r="BQ23" s="238">
        <v>17</v>
      </c>
      <c r="BR23" s="239"/>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4"/>
    </row>
    <row r="24" spans="1:131" s="235" customFormat="1" ht="26.25" customHeight="1" x14ac:dyDescent="0.2">
      <c r="A24" s="844" t="s">
        <v>392</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32"/>
      <c r="BA24" s="232"/>
      <c r="BB24" s="232"/>
      <c r="BC24" s="232"/>
      <c r="BD24" s="232"/>
      <c r="BE24" s="233"/>
      <c r="BF24" s="233"/>
      <c r="BG24" s="233"/>
      <c r="BH24" s="233"/>
      <c r="BI24" s="233"/>
      <c r="BJ24" s="233"/>
      <c r="BK24" s="233"/>
      <c r="BL24" s="233"/>
      <c r="BM24" s="233"/>
      <c r="BN24" s="233"/>
      <c r="BO24" s="233"/>
      <c r="BP24" s="233"/>
      <c r="BQ24" s="238">
        <v>18</v>
      </c>
      <c r="BR24" s="239"/>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4"/>
    </row>
    <row r="25" spans="1:131" ht="26.25" customHeight="1" thickBot="1" x14ac:dyDescent="0.25">
      <c r="A25" s="761" t="s">
        <v>393</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30"/>
    </row>
    <row r="26" spans="1:131" ht="26.25" customHeight="1" x14ac:dyDescent="0.2">
      <c r="A26" s="763" t="s">
        <v>370</v>
      </c>
      <c r="B26" s="764"/>
      <c r="C26" s="764"/>
      <c r="D26" s="764"/>
      <c r="E26" s="764"/>
      <c r="F26" s="764"/>
      <c r="G26" s="764"/>
      <c r="H26" s="764"/>
      <c r="I26" s="764"/>
      <c r="J26" s="764"/>
      <c r="K26" s="764"/>
      <c r="L26" s="764"/>
      <c r="M26" s="764"/>
      <c r="N26" s="764"/>
      <c r="O26" s="764"/>
      <c r="P26" s="765"/>
      <c r="Q26" s="769" t="s">
        <v>394</v>
      </c>
      <c r="R26" s="770"/>
      <c r="S26" s="770"/>
      <c r="T26" s="770"/>
      <c r="U26" s="771"/>
      <c r="V26" s="769" t="s">
        <v>395</v>
      </c>
      <c r="W26" s="770"/>
      <c r="X26" s="770"/>
      <c r="Y26" s="770"/>
      <c r="Z26" s="771"/>
      <c r="AA26" s="769" t="s">
        <v>396</v>
      </c>
      <c r="AB26" s="770"/>
      <c r="AC26" s="770"/>
      <c r="AD26" s="770"/>
      <c r="AE26" s="770"/>
      <c r="AF26" s="850" t="s">
        <v>397</v>
      </c>
      <c r="AG26" s="851"/>
      <c r="AH26" s="851"/>
      <c r="AI26" s="851"/>
      <c r="AJ26" s="852"/>
      <c r="AK26" s="770" t="s">
        <v>398</v>
      </c>
      <c r="AL26" s="770"/>
      <c r="AM26" s="770"/>
      <c r="AN26" s="770"/>
      <c r="AO26" s="771"/>
      <c r="AP26" s="769" t="s">
        <v>399</v>
      </c>
      <c r="AQ26" s="770"/>
      <c r="AR26" s="770"/>
      <c r="AS26" s="770"/>
      <c r="AT26" s="771"/>
      <c r="AU26" s="769" t="s">
        <v>400</v>
      </c>
      <c r="AV26" s="770"/>
      <c r="AW26" s="770"/>
      <c r="AX26" s="770"/>
      <c r="AY26" s="771"/>
      <c r="AZ26" s="769" t="s">
        <v>401</v>
      </c>
      <c r="BA26" s="770"/>
      <c r="BB26" s="770"/>
      <c r="BC26" s="770"/>
      <c r="BD26" s="771"/>
      <c r="BE26" s="769" t="s">
        <v>377</v>
      </c>
      <c r="BF26" s="770"/>
      <c r="BG26" s="770"/>
      <c r="BH26" s="770"/>
      <c r="BI26" s="776"/>
      <c r="BJ26" s="232"/>
      <c r="BK26" s="232"/>
      <c r="BL26" s="232"/>
      <c r="BM26" s="232"/>
      <c r="BN26" s="232"/>
      <c r="BO26" s="241"/>
      <c r="BP26" s="241"/>
      <c r="BQ26" s="238">
        <v>20</v>
      </c>
      <c r="BR26" s="239"/>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30"/>
    </row>
    <row r="28" spans="1:131" ht="26.25" customHeight="1" thickTop="1" x14ac:dyDescent="0.2">
      <c r="A28" s="242">
        <v>1</v>
      </c>
      <c r="B28" s="785" t="s">
        <v>402</v>
      </c>
      <c r="C28" s="786"/>
      <c r="D28" s="786"/>
      <c r="E28" s="786"/>
      <c r="F28" s="786"/>
      <c r="G28" s="786"/>
      <c r="H28" s="786"/>
      <c r="I28" s="786"/>
      <c r="J28" s="786"/>
      <c r="K28" s="786"/>
      <c r="L28" s="786"/>
      <c r="M28" s="786"/>
      <c r="N28" s="786"/>
      <c r="O28" s="786"/>
      <c r="P28" s="787"/>
      <c r="Q28" s="858">
        <v>1130</v>
      </c>
      <c r="R28" s="859"/>
      <c r="S28" s="859"/>
      <c r="T28" s="859"/>
      <c r="U28" s="859"/>
      <c r="V28" s="859">
        <v>1085</v>
      </c>
      <c r="W28" s="859"/>
      <c r="X28" s="859"/>
      <c r="Y28" s="859"/>
      <c r="Z28" s="859"/>
      <c r="AA28" s="859">
        <v>45</v>
      </c>
      <c r="AB28" s="859"/>
      <c r="AC28" s="859"/>
      <c r="AD28" s="859"/>
      <c r="AE28" s="860"/>
      <c r="AF28" s="861">
        <v>45</v>
      </c>
      <c r="AG28" s="859"/>
      <c r="AH28" s="859"/>
      <c r="AI28" s="859"/>
      <c r="AJ28" s="862"/>
      <c r="AK28" s="863">
        <v>107</v>
      </c>
      <c r="AL28" s="864"/>
      <c r="AM28" s="864"/>
      <c r="AN28" s="864"/>
      <c r="AO28" s="864"/>
      <c r="AP28" s="864" t="s">
        <v>507</v>
      </c>
      <c r="AQ28" s="864"/>
      <c r="AR28" s="864"/>
      <c r="AS28" s="864"/>
      <c r="AT28" s="864"/>
      <c r="AU28" s="864" t="s">
        <v>507</v>
      </c>
      <c r="AV28" s="864"/>
      <c r="AW28" s="864"/>
      <c r="AX28" s="864"/>
      <c r="AY28" s="864"/>
      <c r="AZ28" s="865" t="s">
        <v>507</v>
      </c>
      <c r="BA28" s="865"/>
      <c r="BB28" s="865"/>
      <c r="BC28" s="865"/>
      <c r="BD28" s="865"/>
      <c r="BE28" s="856"/>
      <c r="BF28" s="856"/>
      <c r="BG28" s="856"/>
      <c r="BH28" s="856"/>
      <c r="BI28" s="857"/>
      <c r="BJ28" s="232"/>
      <c r="BK28" s="232"/>
      <c r="BL28" s="232"/>
      <c r="BM28" s="232"/>
      <c r="BN28" s="232"/>
      <c r="BO28" s="241"/>
      <c r="BP28" s="241"/>
      <c r="BQ28" s="238">
        <v>22</v>
      </c>
      <c r="BR28" s="239"/>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30"/>
    </row>
    <row r="29" spans="1:131" ht="26.25" customHeight="1" x14ac:dyDescent="0.2">
      <c r="A29" s="242">
        <v>2</v>
      </c>
      <c r="B29" s="816" t="s">
        <v>403</v>
      </c>
      <c r="C29" s="817"/>
      <c r="D29" s="817"/>
      <c r="E29" s="817"/>
      <c r="F29" s="817"/>
      <c r="G29" s="817"/>
      <c r="H29" s="817"/>
      <c r="I29" s="817"/>
      <c r="J29" s="817"/>
      <c r="K29" s="817"/>
      <c r="L29" s="817"/>
      <c r="M29" s="817"/>
      <c r="N29" s="817"/>
      <c r="O29" s="817"/>
      <c r="P29" s="818"/>
      <c r="Q29" s="819">
        <v>49</v>
      </c>
      <c r="R29" s="820"/>
      <c r="S29" s="820"/>
      <c r="T29" s="820"/>
      <c r="U29" s="820"/>
      <c r="V29" s="820">
        <v>44</v>
      </c>
      <c r="W29" s="820"/>
      <c r="X29" s="820"/>
      <c r="Y29" s="820"/>
      <c r="Z29" s="820"/>
      <c r="AA29" s="820">
        <v>6</v>
      </c>
      <c r="AB29" s="820"/>
      <c r="AC29" s="820"/>
      <c r="AD29" s="820"/>
      <c r="AE29" s="821"/>
      <c r="AF29" s="822">
        <v>6</v>
      </c>
      <c r="AG29" s="823"/>
      <c r="AH29" s="823"/>
      <c r="AI29" s="823"/>
      <c r="AJ29" s="824"/>
      <c r="AK29" s="870">
        <v>10</v>
      </c>
      <c r="AL29" s="866"/>
      <c r="AM29" s="866"/>
      <c r="AN29" s="866"/>
      <c r="AO29" s="866"/>
      <c r="AP29" s="866" t="s">
        <v>507</v>
      </c>
      <c r="AQ29" s="866"/>
      <c r="AR29" s="866"/>
      <c r="AS29" s="866"/>
      <c r="AT29" s="866"/>
      <c r="AU29" s="866" t="s">
        <v>507</v>
      </c>
      <c r="AV29" s="866"/>
      <c r="AW29" s="866"/>
      <c r="AX29" s="866"/>
      <c r="AY29" s="866"/>
      <c r="AZ29" s="867" t="s">
        <v>507</v>
      </c>
      <c r="BA29" s="867"/>
      <c r="BB29" s="867"/>
      <c r="BC29" s="867"/>
      <c r="BD29" s="867"/>
      <c r="BE29" s="868"/>
      <c r="BF29" s="868"/>
      <c r="BG29" s="868"/>
      <c r="BH29" s="868"/>
      <c r="BI29" s="869"/>
      <c r="BJ29" s="232"/>
      <c r="BK29" s="232"/>
      <c r="BL29" s="232"/>
      <c r="BM29" s="232"/>
      <c r="BN29" s="232"/>
      <c r="BO29" s="241"/>
      <c r="BP29" s="241"/>
      <c r="BQ29" s="238">
        <v>23</v>
      </c>
      <c r="BR29" s="239"/>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30"/>
    </row>
    <row r="30" spans="1:131" ht="26.25" customHeight="1" x14ac:dyDescent="0.2">
      <c r="A30" s="242">
        <v>3</v>
      </c>
      <c r="B30" s="816" t="s">
        <v>404</v>
      </c>
      <c r="C30" s="817"/>
      <c r="D30" s="817"/>
      <c r="E30" s="817"/>
      <c r="F30" s="817"/>
      <c r="G30" s="817"/>
      <c r="H30" s="817"/>
      <c r="I30" s="817"/>
      <c r="J30" s="817"/>
      <c r="K30" s="817"/>
      <c r="L30" s="817"/>
      <c r="M30" s="817"/>
      <c r="N30" s="817"/>
      <c r="O30" s="817"/>
      <c r="P30" s="818"/>
      <c r="Q30" s="819">
        <v>1150</v>
      </c>
      <c r="R30" s="820"/>
      <c r="S30" s="820"/>
      <c r="T30" s="820"/>
      <c r="U30" s="820"/>
      <c r="V30" s="820">
        <v>1064</v>
      </c>
      <c r="W30" s="820"/>
      <c r="X30" s="820"/>
      <c r="Y30" s="820"/>
      <c r="Z30" s="820"/>
      <c r="AA30" s="820">
        <v>85</v>
      </c>
      <c r="AB30" s="820"/>
      <c r="AC30" s="820"/>
      <c r="AD30" s="820"/>
      <c r="AE30" s="821"/>
      <c r="AF30" s="822">
        <v>85</v>
      </c>
      <c r="AG30" s="823"/>
      <c r="AH30" s="823"/>
      <c r="AI30" s="823"/>
      <c r="AJ30" s="824"/>
      <c r="AK30" s="870">
        <v>221</v>
      </c>
      <c r="AL30" s="866"/>
      <c r="AM30" s="866"/>
      <c r="AN30" s="866"/>
      <c r="AO30" s="866"/>
      <c r="AP30" s="866" t="s">
        <v>507</v>
      </c>
      <c r="AQ30" s="866"/>
      <c r="AR30" s="866"/>
      <c r="AS30" s="866"/>
      <c r="AT30" s="866"/>
      <c r="AU30" s="866" t="s">
        <v>507</v>
      </c>
      <c r="AV30" s="866"/>
      <c r="AW30" s="866"/>
      <c r="AX30" s="866"/>
      <c r="AY30" s="866"/>
      <c r="AZ30" s="867" t="s">
        <v>507</v>
      </c>
      <c r="BA30" s="867"/>
      <c r="BB30" s="867"/>
      <c r="BC30" s="867"/>
      <c r="BD30" s="867"/>
      <c r="BE30" s="868"/>
      <c r="BF30" s="868"/>
      <c r="BG30" s="868"/>
      <c r="BH30" s="868"/>
      <c r="BI30" s="869"/>
      <c r="BJ30" s="232"/>
      <c r="BK30" s="232"/>
      <c r="BL30" s="232"/>
      <c r="BM30" s="232"/>
      <c r="BN30" s="232"/>
      <c r="BO30" s="241"/>
      <c r="BP30" s="241"/>
      <c r="BQ30" s="238">
        <v>24</v>
      </c>
      <c r="BR30" s="239"/>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30"/>
    </row>
    <row r="31" spans="1:131" ht="26.25" customHeight="1" x14ac:dyDescent="0.2">
      <c r="A31" s="242">
        <v>4</v>
      </c>
      <c r="B31" s="816" t="s">
        <v>405</v>
      </c>
      <c r="C31" s="817"/>
      <c r="D31" s="817"/>
      <c r="E31" s="817"/>
      <c r="F31" s="817"/>
      <c r="G31" s="817"/>
      <c r="H31" s="817"/>
      <c r="I31" s="817"/>
      <c r="J31" s="817"/>
      <c r="K31" s="817"/>
      <c r="L31" s="817"/>
      <c r="M31" s="817"/>
      <c r="N31" s="817"/>
      <c r="O31" s="817"/>
      <c r="P31" s="818"/>
      <c r="Q31" s="819">
        <v>204</v>
      </c>
      <c r="R31" s="820"/>
      <c r="S31" s="820"/>
      <c r="T31" s="820"/>
      <c r="U31" s="820"/>
      <c r="V31" s="820">
        <v>191</v>
      </c>
      <c r="W31" s="820"/>
      <c r="X31" s="820"/>
      <c r="Y31" s="820"/>
      <c r="Z31" s="820"/>
      <c r="AA31" s="820">
        <v>12</v>
      </c>
      <c r="AB31" s="820"/>
      <c r="AC31" s="820"/>
      <c r="AD31" s="820"/>
      <c r="AE31" s="821"/>
      <c r="AF31" s="822">
        <v>12</v>
      </c>
      <c r="AG31" s="823"/>
      <c r="AH31" s="823"/>
      <c r="AI31" s="823"/>
      <c r="AJ31" s="824"/>
      <c r="AK31" s="870">
        <v>29</v>
      </c>
      <c r="AL31" s="866"/>
      <c r="AM31" s="866"/>
      <c r="AN31" s="866"/>
      <c r="AO31" s="866"/>
      <c r="AP31" s="866" t="s">
        <v>507</v>
      </c>
      <c r="AQ31" s="866"/>
      <c r="AR31" s="866"/>
      <c r="AS31" s="866"/>
      <c r="AT31" s="866"/>
      <c r="AU31" s="866" t="s">
        <v>507</v>
      </c>
      <c r="AV31" s="866"/>
      <c r="AW31" s="866"/>
      <c r="AX31" s="866"/>
      <c r="AY31" s="866"/>
      <c r="AZ31" s="867" t="s">
        <v>507</v>
      </c>
      <c r="BA31" s="867"/>
      <c r="BB31" s="867"/>
      <c r="BC31" s="867"/>
      <c r="BD31" s="867"/>
      <c r="BE31" s="868"/>
      <c r="BF31" s="868"/>
      <c r="BG31" s="868"/>
      <c r="BH31" s="868"/>
      <c r="BI31" s="869"/>
      <c r="BJ31" s="232"/>
      <c r="BK31" s="232"/>
      <c r="BL31" s="232"/>
      <c r="BM31" s="232"/>
      <c r="BN31" s="232"/>
      <c r="BO31" s="241"/>
      <c r="BP31" s="241"/>
      <c r="BQ31" s="238">
        <v>25</v>
      </c>
      <c r="BR31" s="239"/>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30"/>
    </row>
    <row r="32" spans="1:131" ht="26.25" customHeight="1" x14ac:dyDescent="0.2">
      <c r="A32" s="242">
        <v>5</v>
      </c>
      <c r="B32" s="816" t="s">
        <v>406</v>
      </c>
      <c r="C32" s="817"/>
      <c r="D32" s="817"/>
      <c r="E32" s="817"/>
      <c r="F32" s="817"/>
      <c r="G32" s="817"/>
      <c r="H32" s="817"/>
      <c r="I32" s="817"/>
      <c r="J32" s="817"/>
      <c r="K32" s="817"/>
      <c r="L32" s="817"/>
      <c r="M32" s="817"/>
      <c r="N32" s="817"/>
      <c r="O32" s="817"/>
      <c r="P32" s="818"/>
      <c r="Q32" s="819">
        <v>119</v>
      </c>
      <c r="R32" s="820"/>
      <c r="S32" s="820"/>
      <c r="T32" s="820"/>
      <c r="U32" s="820"/>
      <c r="V32" s="820">
        <v>115</v>
      </c>
      <c r="W32" s="820"/>
      <c r="X32" s="820"/>
      <c r="Y32" s="820"/>
      <c r="Z32" s="820"/>
      <c r="AA32" s="820">
        <v>4</v>
      </c>
      <c r="AB32" s="820"/>
      <c r="AC32" s="820"/>
      <c r="AD32" s="820"/>
      <c r="AE32" s="821"/>
      <c r="AF32" s="822">
        <v>505</v>
      </c>
      <c r="AG32" s="823"/>
      <c r="AH32" s="823"/>
      <c r="AI32" s="823"/>
      <c r="AJ32" s="824"/>
      <c r="AK32" s="870">
        <v>1</v>
      </c>
      <c r="AL32" s="866"/>
      <c r="AM32" s="866"/>
      <c r="AN32" s="866"/>
      <c r="AO32" s="866"/>
      <c r="AP32" s="866">
        <v>189</v>
      </c>
      <c r="AQ32" s="866"/>
      <c r="AR32" s="866"/>
      <c r="AS32" s="866"/>
      <c r="AT32" s="866"/>
      <c r="AU32" s="866">
        <v>3</v>
      </c>
      <c r="AV32" s="866"/>
      <c r="AW32" s="866"/>
      <c r="AX32" s="866"/>
      <c r="AY32" s="866"/>
      <c r="AZ32" s="867" t="s">
        <v>507</v>
      </c>
      <c r="BA32" s="867"/>
      <c r="BB32" s="867"/>
      <c r="BC32" s="867"/>
      <c r="BD32" s="867"/>
      <c r="BE32" s="868" t="s">
        <v>407</v>
      </c>
      <c r="BF32" s="868"/>
      <c r="BG32" s="868"/>
      <c r="BH32" s="868"/>
      <c r="BI32" s="869"/>
      <c r="BJ32" s="232"/>
      <c r="BK32" s="232"/>
      <c r="BL32" s="232"/>
      <c r="BM32" s="232"/>
      <c r="BN32" s="232"/>
      <c r="BO32" s="241"/>
      <c r="BP32" s="241"/>
      <c r="BQ32" s="238">
        <v>26</v>
      </c>
      <c r="BR32" s="239"/>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30"/>
    </row>
    <row r="33" spans="1:131" ht="26.25" customHeight="1" x14ac:dyDescent="0.2">
      <c r="A33" s="242">
        <v>6</v>
      </c>
      <c r="B33" s="816" t="s">
        <v>408</v>
      </c>
      <c r="C33" s="817"/>
      <c r="D33" s="817"/>
      <c r="E33" s="817"/>
      <c r="F33" s="817"/>
      <c r="G33" s="817"/>
      <c r="H33" s="817"/>
      <c r="I33" s="817"/>
      <c r="J33" s="817"/>
      <c r="K33" s="817"/>
      <c r="L33" s="817"/>
      <c r="M33" s="817"/>
      <c r="N33" s="817"/>
      <c r="O33" s="817"/>
      <c r="P33" s="818"/>
      <c r="Q33" s="819">
        <v>258</v>
      </c>
      <c r="R33" s="820"/>
      <c r="S33" s="820"/>
      <c r="T33" s="820"/>
      <c r="U33" s="820"/>
      <c r="V33" s="820">
        <v>250</v>
      </c>
      <c r="W33" s="820"/>
      <c r="X33" s="820"/>
      <c r="Y33" s="820"/>
      <c r="Z33" s="820"/>
      <c r="AA33" s="820">
        <v>8</v>
      </c>
      <c r="AB33" s="820"/>
      <c r="AC33" s="820"/>
      <c r="AD33" s="820"/>
      <c r="AE33" s="821"/>
      <c r="AF33" s="822">
        <v>8</v>
      </c>
      <c r="AG33" s="823"/>
      <c r="AH33" s="823"/>
      <c r="AI33" s="823"/>
      <c r="AJ33" s="824"/>
      <c r="AK33" s="870">
        <v>80</v>
      </c>
      <c r="AL33" s="866"/>
      <c r="AM33" s="866"/>
      <c r="AN33" s="866"/>
      <c r="AO33" s="866"/>
      <c r="AP33" s="866">
        <v>1012</v>
      </c>
      <c r="AQ33" s="866"/>
      <c r="AR33" s="866"/>
      <c r="AS33" s="866"/>
      <c r="AT33" s="866"/>
      <c r="AU33" s="866">
        <v>663</v>
      </c>
      <c r="AV33" s="866"/>
      <c r="AW33" s="866"/>
      <c r="AX33" s="866"/>
      <c r="AY33" s="866"/>
      <c r="AZ33" s="867" t="s">
        <v>507</v>
      </c>
      <c r="BA33" s="867"/>
      <c r="BB33" s="867"/>
      <c r="BC33" s="867"/>
      <c r="BD33" s="867"/>
      <c r="BE33" s="868" t="s">
        <v>409</v>
      </c>
      <c r="BF33" s="868"/>
      <c r="BG33" s="868"/>
      <c r="BH33" s="868"/>
      <c r="BI33" s="869"/>
      <c r="BJ33" s="232"/>
      <c r="BK33" s="232"/>
      <c r="BL33" s="232"/>
      <c r="BM33" s="232"/>
      <c r="BN33" s="232"/>
      <c r="BO33" s="241"/>
      <c r="BP33" s="241"/>
      <c r="BQ33" s="238">
        <v>27</v>
      </c>
      <c r="BR33" s="239"/>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30"/>
    </row>
    <row r="34" spans="1:131" ht="26.25" customHeight="1" x14ac:dyDescent="0.2">
      <c r="A34" s="242">
        <v>7</v>
      </c>
      <c r="B34" s="816" t="s">
        <v>410</v>
      </c>
      <c r="C34" s="817"/>
      <c r="D34" s="817"/>
      <c r="E34" s="817"/>
      <c r="F34" s="817"/>
      <c r="G34" s="817"/>
      <c r="H34" s="817"/>
      <c r="I34" s="817"/>
      <c r="J34" s="817"/>
      <c r="K34" s="817"/>
      <c r="L34" s="817"/>
      <c r="M34" s="817"/>
      <c r="N34" s="817"/>
      <c r="O34" s="817"/>
      <c r="P34" s="818"/>
      <c r="Q34" s="819">
        <v>52</v>
      </c>
      <c r="R34" s="820"/>
      <c r="S34" s="820"/>
      <c r="T34" s="820"/>
      <c r="U34" s="820"/>
      <c r="V34" s="820">
        <v>50</v>
      </c>
      <c r="W34" s="820"/>
      <c r="X34" s="820"/>
      <c r="Y34" s="820"/>
      <c r="Z34" s="820"/>
      <c r="AA34" s="820">
        <v>2</v>
      </c>
      <c r="AB34" s="820"/>
      <c r="AC34" s="820"/>
      <c r="AD34" s="820"/>
      <c r="AE34" s="821"/>
      <c r="AF34" s="822">
        <v>2</v>
      </c>
      <c r="AG34" s="823"/>
      <c r="AH34" s="823"/>
      <c r="AI34" s="823"/>
      <c r="AJ34" s="824"/>
      <c r="AK34" s="870">
        <v>18</v>
      </c>
      <c r="AL34" s="866"/>
      <c r="AM34" s="866"/>
      <c r="AN34" s="866"/>
      <c r="AO34" s="866"/>
      <c r="AP34" s="866">
        <v>184</v>
      </c>
      <c r="AQ34" s="866"/>
      <c r="AR34" s="866"/>
      <c r="AS34" s="866"/>
      <c r="AT34" s="866"/>
      <c r="AU34" s="866">
        <v>120</v>
      </c>
      <c r="AV34" s="866"/>
      <c r="AW34" s="866"/>
      <c r="AX34" s="866"/>
      <c r="AY34" s="866"/>
      <c r="AZ34" s="867" t="s">
        <v>507</v>
      </c>
      <c r="BA34" s="867"/>
      <c r="BB34" s="867"/>
      <c r="BC34" s="867"/>
      <c r="BD34" s="867"/>
      <c r="BE34" s="868" t="s">
        <v>409</v>
      </c>
      <c r="BF34" s="868"/>
      <c r="BG34" s="868"/>
      <c r="BH34" s="868"/>
      <c r="BI34" s="869"/>
      <c r="BJ34" s="232"/>
      <c r="BK34" s="232"/>
      <c r="BL34" s="232"/>
      <c r="BM34" s="232"/>
      <c r="BN34" s="232"/>
      <c r="BO34" s="241"/>
      <c r="BP34" s="241"/>
      <c r="BQ34" s="238">
        <v>28</v>
      </c>
      <c r="BR34" s="239"/>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30"/>
    </row>
    <row r="35" spans="1:131" ht="26.25" customHeight="1" x14ac:dyDescent="0.2">
      <c r="A35" s="242">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70"/>
      <c r="AL35" s="866"/>
      <c r="AM35" s="866"/>
      <c r="AN35" s="866"/>
      <c r="AO35" s="866"/>
      <c r="AP35" s="866"/>
      <c r="AQ35" s="866"/>
      <c r="AR35" s="866"/>
      <c r="AS35" s="866"/>
      <c r="AT35" s="866"/>
      <c r="AU35" s="866"/>
      <c r="AV35" s="866"/>
      <c r="AW35" s="866"/>
      <c r="AX35" s="866"/>
      <c r="AY35" s="866"/>
      <c r="AZ35" s="867"/>
      <c r="BA35" s="867"/>
      <c r="BB35" s="867"/>
      <c r="BC35" s="867"/>
      <c r="BD35" s="867"/>
      <c r="BE35" s="868"/>
      <c r="BF35" s="868"/>
      <c r="BG35" s="868"/>
      <c r="BH35" s="868"/>
      <c r="BI35" s="869"/>
      <c r="BJ35" s="232"/>
      <c r="BK35" s="232"/>
      <c r="BL35" s="232"/>
      <c r="BM35" s="232"/>
      <c r="BN35" s="232"/>
      <c r="BO35" s="241"/>
      <c r="BP35" s="241"/>
      <c r="BQ35" s="238">
        <v>29</v>
      </c>
      <c r="BR35" s="239"/>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30"/>
    </row>
    <row r="36" spans="1:131" ht="26.25" customHeight="1" x14ac:dyDescent="0.2">
      <c r="A36" s="242">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70"/>
      <c r="AL36" s="866"/>
      <c r="AM36" s="866"/>
      <c r="AN36" s="866"/>
      <c r="AO36" s="866"/>
      <c r="AP36" s="866"/>
      <c r="AQ36" s="866"/>
      <c r="AR36" s="866"/>
      <c r="AS36" s="866"/>
      <c r="AT36" s="866"/>
      <c r="AU36" s="866"/>
      <c r="AV36" s="866"/>
      <c r="AW36" s="866"/>
      <c r="AX36" s="866"/>
      <c r="AY36" s="866"/>
      <c r="AZ36" s="867"/>
      <c r="BA36" s="867"/>
      <c r="BB36" s="867"/>
      <c r="BC36" s="867"/>
      <c r="BD36" s="867"/>
      <c r="BE36" s="868"/>
      <c r="BF36" s="868"/>
      <c r="BG36" s="868"/>
      <c r="BH36" s="868"/>
      <c r="BI36" s="869"/>
      <c r="BJ36" s="232"/>
      <c r="BK36" s="232"/>
      <c r="BL36" s="232"/>
      <c r="BM36" s="232"/>
      <c r="BN36" s="232"/>
      <c r="BO36" s="241"/>
      <c r="BP36" s="241"/>
      <c r="BQ36" s="238">
        <v>30</v>
      </c>
      <c r="BR36" s="239"/>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30"/>
    </row>
    <row r="37" spans="1:131" ht="26.25" customHeight="1" x14ac:dyDescent="0.2">
      <c r="A37" s="242">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70"/>
      <c r="AL37" s="866"/>
      <c r="AM37" s="866"/>
      <c r="AN37" s="866"/>
      <c r="AO37" s="866"/>
      <c r="AP37" s="866"/>
      <c r="AQ37" s="866"/>
      <c r="AR37" s="866"/>
      <c r="AS37" s="866"/>
      <c r="AT37" s="866"/>
      <c r="AU37" s="866"/>
      <c r="AV37" s="866"/>
      <c r="AW37" s="866"/>
      <c r="AX37" s="866"/>
      <c r="AY37" s="866"/>
      <c r="AZ37" s="867"/>
      <c r="BA37" s="867"/>
      <c r="BB37" s="867"/>
      <c r="BC37" s="867"/>
      <c r="BD37" s="867"/>
      <c r="BE37" s="868"/>
      <c r="BF37" s="868"/>
      <c r="BG37" s="868"/>
      <c r="BH37" s="868"/>
      <c r="BI37" s="869"/>
      <c r="BJ37" s="232"/>
      <c r="BK37" s="232"/>
      <c r="BL37" s="232"/>
      <c r="BM37" s="232"/>
      <c r="BN37" s="232"/>
      <c r="BO37" s="241"/>
      <c r="BP37" s="241"/>
      <c r="BQ37" s="238">
        <v>31</v>
      </c>
      <c r="BR37" s="239"/>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30"/>
    </row>
    <row r="38" spans="1:131" ht="26.25" customHeight="1" x14ac:dyDescent="0.2">
      <c r="A38" s="242">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70"/>
      <c r="AL38" s="866"/>
      <c r="AM38" s="866"/>
      <c r="AN38" s="866"/>
      <c r="AO38" s="866"/>
      <c r="AP38" s="866"/>
      <c r="AQ38" s="866"/>
      <c r="AR38" s="866"/>
      <c r="AS38" s="866"/>
      <c r="AT38" s="866"/>
      <c r="AU38" s="866"/>
      <c r="AV38" s="866"/>
      <c r="AW38" s="866"/>
      <c r="AX38" s="866"/>
      <c r="AY38" s="866"/>
      <c r="AZ38" s="867"/>
      <c r="BA38" s="867"/>
      <c r="BB38" s="867"/>
      <c r="BC38" s="867"/>
      <c r="BD38" s="867"/>
      <c r="BE38" s="868"/>
      <c r="BF38" s="868"/>
      <c r="BG38" s="868"/>
      <c r="BH38" s="868"/>
      <c r="BI38" s="869"/>
      <c r="BJ38" s="232"/>
      <c r="BK38" s="232"/>
      <c r="BL38" s="232"/>
      <c r="BM38" s="232"/>
      <c r="BN38" s="232"/>
      <c r="BO38" s="241"/>
      <c r="BP38" s="241"/>
      <c r="BQ38" s="238">
        <v>32</v>
      </c>
      <c r="BR38" s="239"/>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30"/>
    </row>
    <row r="39" spans="1:131" ht="26.25" customHeight="1" x14ac:dyDescent="0.2">
      <c r="A39" s="242">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70"/>
      <c r="AL39" s="866"/>
      <c r="AM39" s="866"/>
      <c r="AN39" s="866"/>
      <c r="AO39" s="866"/>
      <c r="AP39" s="866"/>
      <c r="AQ39" s="866"/>
      <c r="AR39" s="866"/>
      <c r="AS39" s="866"/>
      <c r="AT39" s="866"/>
      <c r="AU39" s="866"/>
      <c r="AV39" s="866"/>
      <c r="AW39" s="866"/>
      <c r="AX39" s="866"/>
      <c r="AY39" s="866"/>
      <c r="AZ39" s="867"/>
      <c r="BA39" s="867"/>
      <c r="BB39" s="867"/>
      <c r="BC39" s="867"/>
      <c r="BD39" s="867"/>
      <c r="BE39" s="868"/>
      <c r="BF39" s="868"/>
      <c r="BG39" s="868"/>
      <c r="BH39" s="868"/>
      <c r="BI39" s="869"/>
      <c r="BJ39" s="232"/>
      <c r="BK39" s="232"/>
      <c r="BL39" s="232"/>
      <c r="BM39" s="232"/>
      <c r="BN39" s="232"/>
      <c r="BO39" s="241"/>
      <c r="BP39" s="241"/>
      <c r="BQ39" s="238">
        <v>33</v>
      </c>
      <c r="BR39" s="239"/>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30"/>
    </row>
    <row r="40" spans="1:131" ht="26.25" customHeight="1" x14ac:dyDescent="0.2">
      <c r="A40" s="238">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70"/>
      <c r="AL40" s="866"/>
      <c r="AM40" s="866"/>
      <c r="AN40" s="866"/>
      <c r="AO40" s="866"/>
      <c r="AP40" s="866"/>
      <c r="AQ40" s="866"/>
      <c r="AR40" s="866"/>
      <c r="AS40" s="866"/>
      <c r="AT40" s="866"/>
      <c r="AU40" s="866"/>
      <c r="AV40" s="866"/>
      <c r="AW40" s="866"/>
      <c r="AX40" s="866"/>
      <c r="AY40" s="866"/>
      <c r="AZ40" s="867"/>
      <c r="BA40" s="867"/>
      <c r="BB40" s="867"/>
      <c r="BC40" s="867"/>
      <c r="BD40" s="867"/>
      <c r="BE40" s="868"/>
      <c r="BF40" s="868"/>
      <c r="BG40" s="868"/>
      <c r="BH40" s="868"/>
      <c r="BI40" s="869"/>
      <c r="BJ40" s="232"/>
      <c r="BK40" s="232"/>
      <c r="BL40" s="232"/>
      <c r="BM40" s="232"/>
      <c r="BN40" s="232"/>
      <c r="BO40" s="241"/>
      <c r="BP40" s="241"/>
      <c r="BQ40" s="238">
        <v>34</v>
      </c>
      <c r="BR40" s="239"/>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30"/>
    </row>
    <row r="41" spans="1:131" ht="26.25" customHeight="1" x14ac:dyDescent="0.2">
      <c r="A41" s="238">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70"/>
      <c r="AL41" s="866"/>
      <c r="AM41" s="866"/>
      <c r="AN41" s="866"/>
      <c r="AO41" s="866"/>
      <c r="AP41" s="866"/>
      <c r="AQ41" s="866"/>
      <c r="AR41" s="866"/>
      <c r="AS41" s="866"/>
      <c r="AT41" s="866"/>
      <c r="AU41" s="866"/>
      <c r="AV41" s="866"/>
      <c r="AW41" s="866"/>
      <c r="AX41" s="866"/>
      <c r="AY41" s="866"/>
      <c r="AZ41" s="867"/>
      <c r="BA41" s="867"/>
      <c r="BB41" s="867"/>
      <c r="BC41" s="867"/>
      <c r="BD41" s="867"/>
      <c r="BE41" s="868"/>
      <c r="BF41" s="868"/>
      <c r="BG41" s="868"/>
      <c r="BH41" s="868"/>
      <c r="BI41" s="869"/>
      <c r="BJ41" s="232"/>
      <c r="BK41" s="232"/>
      <c r="BL41" s="232"/>
      <c r="BM41" s="232"/>
      <c r="BN41" s="232"/>
      <c r="BO41" s="241"/>
      <c r="BP41" s="241"/>
      <c r="BQ41" s="238">
        <v>35</v>
      </c>
      <c r="BR41" s="239"/>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30"/>
    </row>
    <row r="42" spans="1:131" ht="26.25" customHeight="1" x14ac:dyDescent="0.2">
      <c r="A42" s="238">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70"/>
      <c r="AL42" s="866"/>
      <c r="AM42" s="866"/>
      <c r="AN42" s="866"/>
      <c r="AO42" s="866"/>
      <c r="AP42" s="866"/>
      <c r="AQ42" s="866"/>
      <c r="AR42" s="866"/>
      <c r="AS42" s="866"/>
      <c r="AT42" s="866"/>
      <c r="AU42" s="866"/>
      <c r="AV42" s="866"/>
      <c r="AW42" s="866"/>
      <c r="AX42" s="866"/>
      <c r="AY42" s="866"/>
      <c r="AZ42" s="867"/>
      <c r="BA42" s="867"/>
      <c r="BB42" s="867"/>
      <c r="BC42" s="867"/>
      <c r="BD42" s="867"/>
      <c r="BE42" s="868"/>
      <c r="BF42" s="868"/>
      <c r="BG42" s="868"/>
      <c r="BH42" s="868"/>
      <c r="BI42" s="869"/>
      <c r="BJ42" s="232"/>
      <c r="BK42" s="232"/>
      <c r="BL42" s="232"/>
      <c r="BM42" s="232"/>
      <c r="BN42" s="232"/>
      <c r="BO42" s="241"/>
      <c r="BP42" s="241"/>
      <c r="BQ42" s="238">
        <v>36</v>
      </c>
      <c r="BR42" s="239"/>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0"/>
      <c r="AL43" s="866"/>
      <c r="AM43" s="866"/>
      <c r="AN43" s="866"/>
      <c r="AO43" s="866"/>
      <c r="AP43" s="866"/>
      <c r="AQ43" s="866"/>
      <c r="AR43" s="866"/>
      <c r="AS43" s="866"/>
      <c r="AT43" s="866"/>
      <c r="AU43" s="866"/>
      <c r="AV43" s="866"/>
      <c r="AW43" s="866"/>
      <c r="AX43" s="866"/>
      <c r="AY43" s="866"/>
      <c r="AZ43" s="867"/>
      <c r="BA43" s="867"/>
      <c r="BB43" s="867"/>
      <c r="BC43" s="867"/>
      <c r="BD43" s="867"/>
      <c r="BE43" s="868"/>
      <c r="BF43" s="868"/>
      <c r="BG43" s="868"/>
      <c r="BH43" s="868"/>
      <c r="BI43" s="869"/>
      <c r="BJ43" s="232"/>
      <c r="BK43" s="232"/>
      <c r="BL43" s="232"/>
      <c r="BM43" s="232"/>
      <c r="BN43" s="232"/>
      <c r="BO43" s="241"/>
      <c r="BP43" s="241"/>
      <c r="BQ43" s="238">
        <v>37</v>
      </c>
      <c r="BR43" s="239"/>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0"/>
      <c r="AL44" s="866"/>
      <c r="AM44" s="866"/>
      <c r="AN44" s="866"/>
      <c r="AO44" s="866"/>
      <c r="AP44" s="866"/>
      <c r="AQ44" s="866"/>
      <c r="AR44" s="866"/>
      <c r="AS44" s="866"/>
      <c r="AT44" s="866"/>
      <c r="AU44" s="866"/>
      <c r="AV44" s="866"/>
      <c r="AW44" s="866"/>
      <c r="AX44" s="866"/>
      <c r="AY44" s="866"/>
      <c r="AZ44" s="867"/>
      <c r="BA44" s="867"/>
      <c r="BB44" s="867"/>
      <c r="BC44" s="867"/>
      <c r="BD44" s="867"/>
      <c r="BE44" s="868"/>
      <c r="BF44" s="868"/>
      <c r="BG44" s="868"/>
      <c r="BH44" s="868"/>
      <c r="BI44" s="869"/>
      <c r="BJ44" s="232"/>
      <c r="BK44" s="232"/>
      <c r="BL44" s="232"/>
      <c r="BM44" s="232"/>
      <c r="BN44" s="232"/>
      <c r="BO44" s="241"/>
      <c r="BP44" s="241"/>
      <c r="BQ44" s="238">
        <v>38</v>
      </c>
      <c r="BR44" s="239"/>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0"/>
      <c r="AL45" s="866"/>
      <c r="AM45" s="866"/>
      <c r="AN45" s="866"/>
      <c r="AO45" s="866"/>
      <c r="AP45" s="866"/>
      <c r="AQ45" s="866"/>
      <c r="AR45" s="866"/>
      <c r="AS45" s="866"/>
      <c r="AT45" s="866"/>
      <c r="AU45" s="866"/>
      <c r="AV45" s="866"/>
      <c r="AW45" s="866"/>
      <c r="AX45" s="866"/>
      <c r="AY45" s="866"/>
      <c r="AZ45" s="867"/>
      <c r="BA45" s="867"/>
      <c r="BB45" s="867"/>
      <c r="BC45" s="867"/>
      <c r="BD45" s="867"/>
      <c r="BE45" s="868"/>
      <c r="BF45" s="868"/>
      <c r="BG45" s="868"/>
      <c r="BH45" s="868"/>
      <c r="BI45" s="869"/>
      <c r="BJ45" s="232"/>
      <c r="BK45" s="232"/>
      <c r="BL45" s="232"/>
      <c r="BM45" s="232"/>
      <c r="BN45" s="232"/>
      <c r="BO45" s="241"/>
      <c r="BP45" s="241"/>
      <c r="BQ45" s="238">
        <v>39</v>
      </c>
      <c r="BR45" s="239"/>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0"/>
      <c r="AL46" s="866"/>
      <c r="AM46" s="866"/>
      <c r="AN46" s="866"/>
      <c r="AO46" s="866"/>
      <c r="AP46" s="866"/>
      <c r="AQ46" s="866"/>
      <c r="AR46" s="866"/>
      <c r="AS46" s="866"/>
      <c r="AT46" s="866"/>
      <c r="AU46" s="866"/>
      <c r="AV46" s="866"/>
      <c r="AW46" s="866"/>
      <c r="AX46" s="866"/>
      <c r="AY46" s="866"/>
      <c r="AZ46" s="867"/>
      <c r="BA46" s="867"/>
      <c r="BB46" s="867"/>
      <c r="BC46" s="867"/>
      <c r="BD46" s="867"/>
      <c r="BE46" s="868"/>
      <c r="BF46" s="868"/>
      <c r="BG46" s="868"/>
      <c r="BH46" s="868"/>
      <c r="BI46" s="869"/>
      <c r="BJ46" s="232"/>
      <c r="BK46" s="232"/>
      <c r="BL46" s="232"/>
      <c r="BM46" s="232"/>
      <c r="BN46" s="232"/>
      <c r="BO46" s="241"/>
      <c r="BP46" s="241"/>
      <c r="BQ46" s="238">
        <v>40</v>
      </c>
      <c r="BR46" s="239"/>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0"/>
      <c r="AL47" s="866"/>
      <c r="AM47" s="866"/>
      <c r="AN47" s="866"/>
      <c r="AO47" s="866"/>
      <c r="AP47" s="866"/>
      <c r="AQ47" s="866"/>
      <c r="AR47" s="866"/>
      <c r="AS47" s="866"/>
      <c r="AT47" s="866"/>
      <c r="AU47" s="866"/>
      <c r="AV47" s="866"/>
      <c r="AW47" s="866"/>
      <c r="AX47" s="866"/>
      <c r="AY47" s="866"/>
      <c r="AZ47" s="867"/>
      <c r="BA47" s="867"/>
      <c r="BB47" s="867"/>
      <c r="BC47" s="867"/>
      <c r="BD47" s="867"/>
      <c r="BE47" s="868"/>
      <c r="BF47" s="868"/>
      <c r="BG47" s="868"/>
      <c r="BH47" s="868"/>
      <c r="BI47" s="869"/>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0"/>
      <c r="AL48" s="866"/>
      <c r="AM48" s="866"/>
      <c r="AN48" s="866"/>
      <c r="AO48" s="866"/>
      <c r="AP48" s="866"/>
      <c r="AQ48" s="866"/>
      <c r="AR48" s="866"/>
      <c r="AS48" s="866"/>
      <c r="AT48" s="866"/>
      <c r="AU48" s="866"/>
      <c r="AV48" s="866"/>
      <c r="AW48" s="866"/>
      <c r="AX48" s="866"/>
      <c r="AY48" s="866"/>
      <c r="AZ48" s="867"/>
      <c r="BA48" s="867"/>
      <c r="BB48" s="867"/>
      <c r="BC48" s="867"/>
      <c r="BD48" s="867"/>
      <c r="BE48" s="868"/>
      <c r="BF48" s="868"/>
      <c r="BG48" s="868"/>
      <c r="BH48" s="868"/>
      <c r="BI48" s="869"/>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0"/>
      <c r="AL49" s="866"/>
      <c r="AM49" s="866"/>
      <c r="AN49" s="866"/>
      <c r="AO49" s="866"/>
      <c r="AP49" s="866"/>
      <c r="AQ49" s="866"/>
      <c r="AR49" s="866"/>
      <c r="AS49" s="866"/>
      <c r="AT49" s="866"/>
      <c r="AU49" s="866"/>
      <c r="AV49" s="866"/>
      <c r="AW49" s="866"/>
      <c r="AX49" s="866"/>
      <c r="AY49" s="866"/>
      <c r="AZ49" s="867"/>
      <c r="BA49" s="867"/>
      <c r="BB49" s="867"/>
      <c r="BC49" s="867"/>
      <c r="BD49" s="867"/>
      <c r="BE49" s="868"/>
      <c r="BF49" s="868"/>
      <c r="BG49" s="868"/>
      <c r="BH49" s="868"/>
      <c r="BI49" s="869"/>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1"/>
      <c r="R50" s="872"/>
      <c r="S50" s="872"/>
      <c r="T50" s="872"/>
      <c r="U50" s="872"/>
      <c r="V50" s="872"/>
      <c r="W50" s="872"/>
      <c r="X50" s="872"/>
      <c r="Y50" s="872"/>
      <c r="Z50" s="872"/>
      <c r="AA50" s="872"/>
      <c r="AB50" s="872"/>
      <c r="AC50" s="872"/>
      <c r="AD50" s="872"/>
      <c r="AE50" s="873"/>
      <c r="AF50" s="822"/>
      <c r="AG50" s="823"/>
      <c r="AH50" s="823"/>
      <c r="AI50" s="823"/>
      <c r="AJ50" s="824"/>
      <c r="AK50" s="875"/>
      <c r="AL50" s="872"/>
      <c r="AM50" s="872"/>
      <c r="AN50" s="872"/>
      <c r="AO50" s="872"/>
      <c r="AP50" s="872"/>
      <c r="AQ50" s="872"/>
      <c r="AR50" s="872"/>
      <c r="AS50" s="872"/>
      <c r="AT50" s="872"/>
      <c r="AU50" s="872"/>
      <c r="AV50" s="872"/>
      <c r="AW50" s="872"/>
      <c r="AX50" s="872"/>
      <c r="AY50" s="872"/>
      <c r="AZ50" s="874"/>
      <c r="BA50" s="874"/>
      <c r="BB50" s="874"/>
      <c r="BC50" s="874"/>
      <c r="BD50" s="874"/>
      <c r="BE50" s="868"/>
      <c r="BF50" s="868"/>
      <c r="BG50" s="868"/>
      <c r="BH50" s="868"/>
      <c r="BI50" s="869"/>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1"/>
      <c r="R51" s="872"/>
      <c r="S51" s="872"/>
      <c r="T51" s="872"/>
      <c r="U51" s="872"/>
      <c r="V51" s="872"/>
      <c r="W51" s="872"/>
      <c r="X51" s="872"/>
      <c r="Y51" s="872"/>
      <c r="Z51" s="872"/>
      <c r="AA51" s="872"/>
      <c r="AB51" s="872"/>
      <c r="AC51" s="872"/>
      <c r="AD51" s="872"/>
      <c r="AE51" s="873"/>
      <c r="AF51" s="822"/>
      <c r="AG51" s="823"/>
      <c r="AH51" s="823"/>
      <c r="AI51" s="823"/>
      <c r="AJ51" s="824"/>
      <c r="AK51" s="875"/>
      <c r="AL51" s="872"/>
      <c r="AM51" s="872"/>
      <c r="AN51" s="872"/>
      <c r="AO51" s="872"/>
      <c r="AP51" s="872"/>
      <c r="AQ51" s="872"/>
      <c r="AR51" s="872"/>
      <c r="AS51" s="872"/>
      <c r="AT51" s="872"/>
      <c r="AU51" s="872"/>
      <c r="AV51" s="872"/>
      <c r="AW51" s="872"/>
      <c r="AX51" s="872"/>
      <c r="AY51" s="872"/>
      <c r="AZ51" s="874"/>
      <c r="BA51" s="874"/>
      <c r="BB51" s="874"/>
      <c r="BC51" s="874"/>
      <c r="BD51" s="874"/>
      <c r="BE51" s="868"/>
      <c r="BF51" s="868"/>
      <c r="BG51" s="868"/>
      <c r="BH51" s="868"/>
      <c r="BI51" s="869"/>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1"/>
      <c r="R52" s="872"/>
      <c r="S52" s="872"/>
      <c r="T52" s="872"/>
      <c r="U52" s="872"/>
      <c r="V52" s="872"/>
      <c r="W52" s="872"/>
      <c r="X52" s="872"/>
      <c r="Y52" s="872"/>
      <c r="Z52" s="872"/>
      <c r="AA52" s="872"/>
      <c r="AB52" s="872"/>
      <c r="AC52" s="872"/>
      <c r="AD52" s="872"/>
      <c r="AE52" s="873"/>
      <c r="AF52" s="822"/>
      <c r="AG52" s="823"/>
      <c r="AH52" s="823"/>
      <c r="AI52" s="823"/>
      <c r="AJ52" s="824"/>
      <c r="AK52" s="875"/>
      <c r="AL52" s="872"/>
      <c r="AM52" s="872"/>
      <c r="AN52" s="872"/>
      <c r="AO52" s="872"/>
      <c r="AP52" s="872"/>
      <c r="AQ52" s="872"/>
      <c r="AR52" s="872"/>
      <c r="AS52" s="872"/>
      <c r="AT52" s="872"/>
      <c r="AU52" s="872"/>
      <c r="AV52" s="872"/>
      <c r="AW52" s="872"/>
      <c r="AX52" s="872"/>
      <c r="AY52" s="872"/>
      <c r="AZ52" s="874"/>
      <c r="BA52" s="874"/>
      <c r="BB52" s="874"/>
      <c r="BC52" s="874"/>
      <c r="BD52" s="874"/>
      <c r="BE52" s="868"/>
      <c r="BF52" s="868"/>
      <c r="BG52" s="868"/>
      <c r="BH52" s="868"/>
      <c r="BI52" s="869"/>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1"/>
      <c r="R53" s="872"/>
      <c r="S53" s="872"/>
      <c r="T53" s="872"/>
      <c r="U53" s="872"/>
      <c r="V53" s="872"/>
      <c r="W53" s="872"/>
      <c r="X53" s="872"/>
      <c r="Y53" s="872"/>
      <c r="Z53" s="872"/>
      <c r="AA53" s="872"/>
      <c r="AB53" s="872"/>
      <c r="AC53" s="872"/>
      <c r="AD53" s="872"/>
      <c r="AE53" s="873"/>
      <c r="AF53" s="822"/>
      <c r="AG53" s="823"/>
      <c r="AH53" s="823"/>
      <c r="AI53" s="823"/>
      <c r="AJ53" s="824"/>
      <c r="AK53" s="875"/>
      <c r="AL53" s="872"/>
      <c r="AM53" s="872"/>
      <c r="AN53" s="872"/>
      <c r="AO53" s="872"/>
      <c r="AP53" s="872"/>
      <c r="AQ53" s="872"/>
      <c r="AR53" s="872"/>
      <c r="AS53" s="872"/>
      <c r="AT53" s="872"/>
      <c r="AU53" s="872"/>
      <c r="AV53" s="872"/>
      <c r="AW53" s="872"/>
      <c r="AX53" s="872"/>
      <c r="AY53" s="872"/>
      <c r="AZ53" s="874"/>
      <c r="BA53" s="874"/>
      <c r="BB53" s="874"/>
      <c r="BC53" s="874"/>
      <c r="BD53" s="874"/>
      <c r="BE53" s="868"/>
      <c r="BF53" s="868"/>
      <c r="BG53" s="868"/>
      <c r="BH53" s="868"/>
      <c r="BI53" s="869"/>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1"/>
      <c r="R54" s="872"/>
      <c r="S54" s="872"/>
      <c r="T54" s="872"/>
      <c r="U54" s="872"/>
      <c r="V54" s="872"/>
      <c r="W54" s="872"/>
      <c r="X54" s="872"/>
      <c r="Y54" s="872"/>
      <c r="Z54" s="872"/>
      <c r="AA54" s="872"/>
      <c r="AB54" s="872"/>
      <c r="AC54" s="872"/>
      <c r="AD54" s="872"/>
      <c r="AE54" s="873"/>
      <c r="AF54" s="822"/>
      <c r="AG54" s="823"/>
      <c r="AH54" s="823"/>
      <c r="AI54" s="823"/>
      <c r="AJ54" s="824"/>
      <c r="AK54" s="875"/>
      <c r="AL54" s="872"/>
      <c r="AM54" s="872"/>
      <c r="AN54" s="872"/>
      <c r="AO54" s="872"/>
      <c r="AP54" s="872"/>
      <c r="AQ54" s="872"/>
      <c r="AR54" s="872"/>
      <c r="AS54" s="872"/>
      <c r="AT54" s="872"/>
      <c r="AU54" s="872"/>
      <c r="AV54" s="872"/>
      <c r="AW54" s="872"/>
      <c r="AX54" s="872"/>
      <c r="AY54" s="872"/>
      <c r="AZ54" s="874"/>
      <c r="BA54" s="874"/>
      <c r="BB54" s="874"/>
      <c r="BC54" s="874"/>
      <c r="BD54" s="874"/>
      <c r="BE54" s="868"/>
      <c r="BF54" s="868"/>
      <c r="BG54" s="868"/>
      <c r="BH54" s="868"/>
      <c r="BI54" s="869"/>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1"/>
      <c r="R55" s="872"/>
      <c r="S55" s="872"/>
      <c r="T55" s="872"/>
      <c r="U55" s="872"/>
      <c r="V55" s="872"/>
      <c r="W55" s="872"/>
      <c r="X55" s="872"/>
      <c r="Y55" s="872"/>
      <c r="Z55" s="872"/>
      <c r="AA55" s="872"/>
      <c r="AB55" s="872"/>
      <c r="AC55" s="872"/>
      <c r="AD55" s="872"/>
      <c r="AE55" s="873"/>
      <c r="AF55" s="822"/>
      <c r="AG55" s="823"/>
      <c r="AH55" s="823"/>
      <c r="AI55" s="823"/>
      <c r="AJ55" s="824"/>
      <c r="AK55" s="875"/>
      <c r="AL55" s="872"/>
      <c r="AM55" s="872"/>
      <c r="AN55" s="872"/>
      <c r="AO55" s="872"/>
      <c r="AP55" s="872"/>
      <c r="AQ55" s="872"/>
      <c r="AR55" s="872"/>
      <c r="AS55" s="872"/>
      <c r="AT55" s="872"/>
      <c r="AU55" s="872"/>
      <c r="AV55" s="872"/>
      <c r="AW55" s="872"/>
      <c r="AX55" s="872"/>
      <c r="AY55" s="872"/>
      <c r="AZ55" s="874"/>
      <c r="BA55" s="874"/>
      <c r="BB55" s="874"/>
      <c r="BC55" s="874"/>
      <c r="BD55" s="874"/>
      <c r="BE55" s="868"/>
      <c r="BF55" s="868"/>
      <c r="BG55" s="868"/>
      <c r="BH55" s="868"/>
      <c r="BI55" s="869"/>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1"/>
      <c r="R56" s="872"/>
      <c r="S56" s="872"/>
      <c r="T56" s="872"/>
      <c r="U56" s="872"/>
      <c r="V56" s="872"/>
      <c r="W56" s="872"/>
      <c r="X56" s="872"/>
      <c r="Y56" s="872"/>
      <c r="Z56" s="872"/>
      <c r="AA56" s="872"/>
      <c r="AB56" s="872"/>
      <c r="AC56" s="872"/>
      <c r="AD56" s="872"/>
      <c r="AE56" s="873"/>
      <c r="AF56" s="822"/>
      <c r="AG56" s="823"/>
      <c r="AH56" s="823"/>
      <c r="AI56" s="823"/>
      <c r="AJ56" s="824"/>
      <c r="AK56" s="875"/>
      <c r="AL56" s="872"/>
      <c r="AM56" s="872"/>
      <c r="AN56" s="872"/>
      <c r="AO56" s="872"/>
      <c r="AP56" s="872"/>
      <c r="AQ56" s="872"/>
      <c r="AR56" s="872"/>
      <c r="AS56" s="872"/>
      <c r="AT56" s="872"/>
      <c r="AU56" s="872"/>
      <c r="AV56" s="872"/>
      <c r="AW56" s="872"/>
      <c r="AX56" s="872"/>
      <c r="AY56" s="872"/>
      <c r="AZ56" s="874"/>
      <c r="BA56" s="874"/>
      <c r="BB56" s="874"/>
      <c r="BC56" s="874"/>
      <c r="BD56" s="874"/>
      <c r="BE56" s="868"/>
      <c r="BF56" s="868"/>
      <c r="BG56" s="868"/>
      <c r="BH56" s="868"/>
      <c r="BI56" s="869"/>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1"/>
      <c r="R57" s="872"/>
      <c r="S57" s="872"/>
      <c r="T57" s="872"/>
      <c r="U57" s="872"/>
      <c r="V57" s="872"/>
      <c r="W57" s="872"/>
      <c r="X57" s="872"/>
      <c r="Y57" s="872"/>
      <c r="Z57" s="872"/>
      <c r="AA57" s="872"/>
      <c r="AB57" s="872"/>
      <c r="AC57" s="872"/>
      <c r="AD57" s="872"/>
      <c r="AE57" s="873"/>
      <c r="AF57" s="822"/>
      <c r="AG57" s="823"/>
      <c r="AH57" s="823"/>
      <c r="AI57" s="823"/>
      <c r="AJ57" s="824"/>
      <c r="AK57" s="875"/>
      <c r="AL57" s="872"/>
      <c r="AM57" s="872"/>
      <c r="AN57" s="872"/>
      <c r="AO57" s="872"/>
      <c r="AP57" s="872"/>
      <c r="AQ57" s="872"/>
      <c r="AR57" s="872"/>
      <c r="AS57" s="872"/>
      <c r="AT57" s="872"/>
      <c r="AU57" s="872"/>
      <c r="AV57" s="872"/>
      <c r="AW57" s="872"/>
      <c r="AX57" s="872"/>
      <c r="AY57" s="872"/>
      <c r="AZ57" s="874"/>
      <c r="BA57" s="874"/>
      <c r="BB57" s="874"/>
      <c r="BC57" s="874"/>
      <c r="BD57" s="874"/>
      <c r="BE57" s="868"/>
      <c r="BF57" s="868"/>
      <c r="BG57" s="868"/>
      <c r="BH57" s="868"/>
      <c r="BI57" s="869"/>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1"/>
      <c r="R58" s="872"/>
      <c r="S58" s="872"/>
      <c r="T58" s="872"/>
      <c r="U58" s="872"/>
      <c r="V58" s="872"/>
      <c r="W58" s="872"/>
      <c r="X58" s="872"/>
      <c r="Y58" s="872"/>
      <c r="Z58" s="872"/>
      <c r="AA58" s="872"/>
      <c r="AB58" s="872"/>
      <c r="AC58" s="872"/>
      <c r="AD58" s="872"/>
      <c r="AE58" s="873"/>
      <c r="AF58" s="822"/>
      <c r="AG58" s="823"/>
      <c r="AH58" s="823"/>
      <c r="AI58" s="823"/>
      <c r="AJ58" s="824"/>
      <c r="AK58" s="875"/>
      <c r="AL58" s="872"/>
      <c r="AM58" s="872"/>
      <c r="AN58" s="872"/>
      <c r="AO58" s="872"/>
      <c r="AP58" s="872"/>
      <c r="AQ58" s="872"/>
      <c r="AR58" s="872"/>
      <c r="AS58" s="872"/>
      <c r="AT58" s="872"/>
      <c r="AU58" s="872"/>
      <c r="AV58" s="872"/>
      <c r="AW58" s="872"/>
      <c r="AX58" s="872"/>
      <c r="AY58" s="872"/>
      <c r="AZ58" s="874"/>
      <c r="BA58" s="874"/>
      <c r="BB58" s="874"/>
      <c r="BC58" s="874"/>
      <c r="BD58" s="874"/>
      <c r="BE58" s="868"/>
      <c r="BF58" s="868"/>
      <c r="BG58" s="868"/>
      <c r="BH58" s="868"/>
      <c r="BI58" s="869"/>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1"/>
      <c r="R59" s="872"/>
      <c r="S59" s="872"/>
      <c r="T59" s="872"/>
      <c r="U59" s="872"/>
      <c r="V59" s="872"/>
      <c r="W59" s="872"/>
      <c r="X59" s="872"/>
      <c r="Y59" s="872"/>
      <c r="Z59" s="872"/>
      <c r="AA59" s="872"/>
      <c r="AB59" s="872"/>
      <c r="AC59" s="872"/>
      <c r="AD59" s="872"/>
      <c r="AE59" s="873"/>
      <c r="AF59" s="822"/>
      <c r="AG59" s="823"/>
      <c r="AH59" s="823"/>
      <c r="AI59" s="823"/>
      <c r="AJ59" s="824"/>
      <c r="AK59" s="875"/>
      <c r="AL59" s="872"/>
      <c r="AM59" s="872"/>
      <c r="AN59" s="872"/>
      <c r="AO59" s="872"/>
      <c r="AP59" s="872"/>
      <c r="AQ59" s="872"/>
      <c r="AR59" s="872"/>
      <c r="AS59" s="872"/>
      <c r="AT59" s="872"/>
      <c r="AU59" s="872"/>
      <c r="AV59" s="872"/>
      <c r="AW59" s="872"/>
      <c r="AX59" s="872"/>
      <c r="AY59" s="872"/>
      <c r="AZ59" s="874"/>
      <c r="BA59" s="874"/>
      <c r="BB59" s="874"/>
      <c r="BC59" s="874"/>
      <c r="BD59" s="874"/>
      <c r="BE59" s="868"/>
      <c r="BF59" s="868"/>
      <c r="BG59" s="868"/>
      <c r="BH59" s="868"/>
      <c r="BI59" s="869"/>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1"/>
      <c r="R60" s="872"/>
      <c r="S60" s="872"/>
      <c r="T60" s="872"/>
      <c r="U60" s="872"/>
      <c r="V60" s="872"/>
      <c r="W60" s="872"/>
      <c r="X60" s="872"/>
      <c r="Y60" s="872"/>
      <c r="Z60" s="872"/>
      <c r="AA60" s="872"/>
      <c r="AB60" s="872"/>
      <c r="AC60" s="872"/>
      <c r="AD60" s="872"/>
      <c r="AE60" s="873"/>
      <c r="AF60" s="822"/>
      <c r="AG60" s="823"/>
      <c r="AH60" s="823"/>
      <c r="AI60" s="823"/>
      <c r="AJ60" s="824"/>
      <c r="AK60" s="875"/>
      <c r="AL60" s="872"/>
      <c r="AM60" s="872"/>
      <c r="AN60" s="872"/>
      <c r="AO60" s="872"/>
      <c r="AP60" s="872"/>
      <c r="AQ60" s="872"/>
      <c r="AR60" s="872"/>
      <c r="AS60" s="872"/>
      <c r="AT60" s="872"/>
      <c r="AU60" s="872"/>
      <c r="AV60" s="872"/>
      <c r="AW60" s="872"/>
      <c r="AX60" s="872"/>
      <c r="AY60" s="872"/>
      <c r="AZ60" s="874"/>
      <c r="BA60" s="874"/>
      <c r="BB60" s="874"/>
      <c r="BC60" s="874"/>
      <c r="BD60" s="874"/>
      <c r="BE60" s="868"/>
      <c r="BF60" s="868"/>
      <c r="BG60" s="868"/>
      <c r="BH60" s="868"/>
      <c r="BI60" s="869"/>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1"/>
      <c r="R61" s="872"/>
      <c r="S61" s="872"/>
      <c r="T61" s="872"/>
      <c r="U61" s="872"/>
      <c r="V61" s="872"/>
      <c r="W61" s="872"/>
      <c r="X61" s="872"/>
      <c r="Y61" s="872"/>
      <c r="Z61" s="872"/>
      <c r="AA61" s="872"/>
      <c r="AB61" s="872"/>
      <c r="AC61" s="872"/>
      <c r="AD61" s="872"/>
      <c r="AE61" s="873"/>
      <c r="AF61" s="822"/>
      <c r="AG61" s="823"/>
      <c r="AH61" s="823"/>
      <c r="AI61" s="823"/>
      <c r="AJ61" s="824"/>
      <c r="AK61" s="875"/>
      <c r="AL61" s="872"/>
      <c r="AM61" s="872"/>
      <c r="AN61" s="872"/>
      <c r="AO61" s="872"/>
      <c r="AP61" s="872"/>
      <c r="AQ61" s="872"/>
      <c r="AR61" s="872"/>
      <c r="AS61" s="872"/>
      <c r="AT61" s="872"/>
      <c r="AU61" s="872"/>
      <c r="AV61" s="872"/>
      <c r="AW61" s="872"/>
      <c r="AX61" s="872"/>
      <c r="AY61" s="872"/>
      <c r="AZ61" s="874"/>
      <c r="BA61" s="874"/>
      <c r="BB61" s="874"/>
      <c r="BC61" s="874"/>
      <c r="BD61" s="874"/>
      <c r="BE61" s="868"/>
      <c r="BF61" s="868"/>
      <c r="BG61" s="868"/>
      <c r="BH61" s="868"/>
      <c r="BI61" s="869"/>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1"/>
      <c r="R62" s="872"/>
      <c r="S62" s="872"/>
      <c r="T62" s="872"/>
      <c r="U62" s="872"/>
      <c r="V62" s="872"/>
      <c r="W62" s="872"/>
      <c r="X62" s="872"/>
      <c r="Y62" s="872"/>
      <c r="Z62" s="872"/>
      <c r="AA62" s="872"/>
      <c r="AB62" s="872"/>
      <c r="AC62" s="872"/>
      <c r="AD62" s="872"/>
      <c r="AE62" s="873"/>
      <c r="AF62" s="822"/>
      <c r="AG62" s="823"/>
      <c r="AH62" s="823"/>
      <c r="AI62" s="823"/>
      <c r="AJ62" s="824"/>
      <c r="AK62" s="875"/>
      <c r="AL62" s="872"/>
      <c r="AM62" s="872"/>
      <c r="AN62" s="872"/>
      <c r="AO62" s="872"/>
      <c r="AP62" s="872"/>
      <c r="AQ62" s="872"/>
      <c r="AR62" s="872"/>
      <c r="AS62" s="872"/>
      <c r="AT62" s="872"/>
      <c r="AU62" s="872"/>
      <c r="AV62" s="872"/>
      <c r="AW62" s="872"/>
      <c r="AX62" s="872"/>
      <c r="AY62" s="872"/>
      <c r="AZ62" s="874"/>
      <c r="BA62" s="874"/>
      <c r="BB62" s="874"/>
      <c r="BC62" s="874"/>
      <c r="BD62" s="874"/>
      <c r="BE62" s="868"/>
      <c r="BF62" s="868"/>
      <c r="BG62" s="868"/>
      <c r="BH62" s="868"/>
      <c r="BI62" s="869"/>
      <c r="BJ62" s="883" t="s">
        <v>411</v>
      </c>
      <c r="BK62" s="842"/>
      <c r="BL62" s="842"/>
      <c r="BM62" s="842"/>
      <c r="BN62" s="843"/>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390</v>
      </c>
      <c r="B63" s="825" t="s">
        <v>412</v>
      </c>
      <c r="C63" s="826"/>
      <c r="D63" s="826"/>
      <c r="E63" s="826"/>
      <c r="F63" s="826"/>
      <c r="G63" s="826"/>
      <c r="H63" s="826"/>
      <c r="I63" s="826"/>
      <c r="J63" s="826"/>
      <c r="K63" s="826"/>
      <c r="L63" s="826"/>
      <c r="M63" s="826"/>
      <c r="N63" s="826"/>
      <c r="O63" s="826"/>
      <c r="P63" s="827"/>
      <c r="Q63" s="876"/>
      <c r="R63" s="877"/>
      <c r="S63" s="877"/>
      <c r="T63" s="877"/>
      <c r="U63" s="877"/>
      <c r="V63" s="877"/>
      <c r="W63" s="877"/>
      <c r="X63" s="877"/>
      <c r="Y63" s="877"/>
      <c r="Z63" s="877"/>
      <c r="AA63" s="877"/>
      <c r="AB63" s="877"/>
      <c r="AC63" s="877"/>
      <c r="AD63" s="877"/>
      <c r="AE63" s="878"/>
      <c r="AF63" s="879">
        <v>664</v>
      </c>
      <c r="AG63" s="880"/>
      <c r="AH63" s="880"/>
      <c r="AI63" s="880"/>
      <c r="AJ63" s="881"/>
      <c r="AK63" s="882"/>
      <c r="AL63" s="877"/>
      <c r="AM63" s="877"/>
      <c r="AN63" s="877"/>
      <c r="AO63" s="877"/>
      <c r="AP63" s="880">
        <v>1384</v>
      </c>
      <c r="AQ63" s="880"/>
      <c r="AR63" s="880"/>
      <c r="AS63" s="880"/>
      <c r="AT63" s="880"/>
      <c r="AU63" s="880">
        <v>785</v>
      </c>
      <c r="AV63" s="880"/>
      <c r="AW63" s="880"/>
      <c r="AX63" s="880"/>
      <c r="AY63" s="880"/>
      <c r="AZ63" s="884"/>
      <c r="BA63" s="884"/>
      <c r="BB63" s="884"/>
      <c r="BC63" s="884"/>
      <c r="BD63" s="884"/>
      <c r="BE63" s="885"/>
      <c r="BF63" s="885"/>
      <c r="BG63" s="885"/>
      <c r="BH63" s="885"/>
      <c r="BI63" s="886"/>
      <c r="BJ63" s="887" t="s">
        <v>413</v>
      </c>
      <c r="BK63" s="888"/>
      <c r="BL63" s="888"/>
      <c r="BM63" s="888"/>
      <c r="BN63" s="889"/>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15</v>
      </c>
      <c r="B66" s="764"/>
      <c r="C66" s="764"/>
      <c r="D66" s="764"/>
      <c r="E66" s="764"/>
      <c r="F66" s="764"/>
      <c r="G66" s="764"/>
      <c r="H66" s="764"/>
      <c r="I66" s="764"/>
      <c r="J66" s="764"/>
      <c r="K66" s="764"/>
      <c r="L66" s="764"/>
      <c r="M66" s="764"/>
      <c r="N66" s="764"/>
      <c r="O66" s="764"/>
      <c r="P66" s="765"/>
      <c r="Q66" s="769" t="s">
        <v>416</v>
      </c>
      <c r="R66" s="770"/>
      <c r="S66" s="770"/>
      <c r="T66" s="770"/>
      <c r="U66" s="771"/>
      <c r="V66" s="769" t="s">
        <v>417</v>
      </c>
      <c r="W66" s="770"/>
      <c r="X66" s="770"/>
      <c r="Y66" s="770"/>
      <c r="Z66" s="771"/>
      <c r="AA66" s="769" t="s">
        <v>396</v>
      </c>
      <c r="AB66" s="770"/>
      <c r="AC66" s="770"/>
      <c r="AD66" s="770"/>
      <c r="AE66" s="771"/>
      <c r="AF66" s="890" t="s">
        <v>418</v>
      </c>
      <c r="AG66" s="851"/>
      <c r="AH66" s="851"/>
      <c r="AI66" s="851"/>
      <c r="AJ66" s="891"/>
      <c r="AK66" s="769" t="s">
        <v>398</v>
      </c>
      <c r="AL66" s="764"/>
      <c r="AM66" s="764"/>
      <c r="AN66" s="764"/>
      <c r="AO66" s="765"/>
      <c r="AP66" s="769" t="s">
        <v>399</v>
      </c>
      <c r="AQ66" s="770"/>
      <c r="AR66" s="770"/>
      <c r="AS66" s="770"/>
      <c r="AT66" s="771"/>
      <c r="AU66" s="769" t="s">
        <v>419</v>
      </c>
      <c r="AV66" s="770"/>
      <c r="AW66" s="770"/>
      <c r="AX66" s="770"/>
      <c r="AY66" s="771"/>
      <c r="AZ66" s="769" t="s">
        <v>377</v>
      </c>
      <c r="BA66" s="770"/>
      <c r="BB66" s="770"/>
      <c r="BC66" s="770"/>
      <c r="BD66" s="776"/>
      <c r="BE66" s="241"/>
      <c r="BF66" s="241"/>
      <c r="BG66" s="241"/>
      <c r="BH66" s="241"/>
      <c r="BI66" s="241"/>
      <c r="BJ66" s="241"/>
      <c r="BK66" s="241"/>
      <c r="BL66" s="241"/>
      <c r="BM66" s="241"/>
      <c r="BN66" s="241"/>
      <c r="BO66" s="241"/>
      <c r="BP66" s="241"/>
      <c r="BQ66" s="238">
        <v>60</v>
      </c>
      <c r="BR66" s="243"/>
      <c r="BS66" s="895"/>
      <c r="BT66" s="896"/>
      <c r="BU66" s="896"/>
      <c r="BV66" s="896"/>
      <c r="BW66" s="896"/>
      <c r="BX66" s="896"/>
      <c r="BY66" s="896"/>
      <c r="BZ66" s="896"/>
      <c r="CA66" s="896"/>
      <c r="CB66" s="896"/>
      <c r="CC66" s="896"/>
      <c r="CD66" s="896"/>
      <c r="CE66" s="896"/>
      <c r="CF66" s="896"/>
      <c r="CG66" s="901"/>
      <c r="CH66" s="898"/>
      <c r="CI66" s="899"/>
      <c r="CJ66" s="899"/>
      <c r="CK66" s="899"/>
      <c r="CL66" s="900"/>
      <c r="CM66" s="898"/>
      <c r="CN66" s="899"/>
      <c r="CO66" s="899"/>
      <c r="CP66" s="899"/>
      <c r="CQ66" s="900"/>
      <c r="CR66" s="898"/>
      <c r="CS66" s="899"/>
      <c r="CT66" s="899"/>
      <c r="CU66" s="899"/>
      <c r="CV66" s="900"/>
      <c r="CW66" s="898"/>
      <c r="CX66" s="899"/>
      <c r="CY66" s="899"/>
      <c r="CZ66" s="899"/>
      <c r="DA66" s="900"/>
      <c r="DB66" s="898"/>
      <c r="DC66" s="899"/>
      <c r="DD66" s="899"/>
      <c r="DE66" s="899"/>
      <c r="DF66" s="900"/>
      <c r="DG66" s="898"/>
      <c r="DH66" s="899"/>
      <c r="DI66" s="899"/>
      <c r="DJ66" s="899"/>
      <c r="DK66" s="900"/>
      <c r="DL66" s="898"/>
      <c r="DM66" s="899"/>
      <c r="DN66" s="899"/>
      <c r="DO66" s="899"/>
      <c r="DP66" s="900"/>
      <c r="DQ66" s="898"/>
      <c r="DR66" s="899"/>
      <c r="DS66" s="899"/>
      <c r="DT66" s="899"/>
      <c r="DU66" s="900"/>
      <c r="DV66" s="895"/>
      <c r="DW66" s="896"/>
      <c r="DX66" s="896"/>
      <c r="DY66" s="896"/>
      <c r="DZ66" s="897"/>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2"/>
      <c r="AG67" s="854"/>
      <c r="AH67" s="854"/>
      <c r="AI67" s="854"/>
      <c r="AJ67" s="893"/>
      <c r="AK67" s="894"/>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5"/>
      <c r="BT67" s="896"/>
      <c r="BU67" s="896"/>
      <c r="BV67" s="896"/>
      <c r="BW67" s="896"/>
      <c r="BX67" s="896"/>
      <c r="BY67" s="896"/>
      <c r="BZ67" s="896"/>
      <c r="CA67" s="896"/>
      <c r="CB67" s="896"/>
      <c r="CC67" s="896"/>
      <c r="CD67" s="896"/>
      <c r="CE67" s="896"/>
      <c r="CF67" s="896"/>
      <c r="CG67" s="901"/>
      <c r="CH67" s="898"/>
      <c r="CI67" s="899"/>
      <c r="CJ67" s="899"/>
      <c r="CK67" s="899"/>
      <c r="CL67" s="900"/>
      <c r="CM67" s="898"/>
      <c r="CN67" s="899"/>
      <c r="CO67" s="899"/>
      <c r="CP67" s="899"/>
      <c r="CQ67" s="900"/>
      <c r="CR67" s="898"/>
      <c r="CS67" s="899"/>
      <c r="CT67" s="899"/>
      <c r="CU67" s="899"/>
      <c r="CV67" s="900"/>
      <c r="CW67" s="898"/>
      <c r="CX67" s="899"/>
      <c r="CY67" s="899"/>
      <c r="CZ67" s="899"/>
      <c r="DA67" s="900"/>
      <c r="DB67" s="898"/>
      <c r="DC67" s="899"/>
      <c r="DD67" s="899"/>
      <c r="DE67" s="899"/>
      <c r="DF67" s="900"/>
      <c r="DG67" s="898"/>
      <c r="DH67" s="899"/>
      <c r="DI67" s="899"/>
      <c r="DJ67" s="899"/>
      <c r="DK67" s="900"/>
      <c r="DL67" s="898"/>
      <c r="DM67" s="899"/>
      <c r="DN67" s="899"/>
      <c r="DO67" s="899"/>
      <c r="DP67" s="900"/>
      <c r="DQ67" s="898"/>
      <c r="DR67" s="899"/>
      <c r="DS67" s="899"/>
      <c r="DT67" s="899"/>
      <c r="DU67" s="900"/>
      <c r="DV67" s="895"/>
      <c r="DW67" s="896"/>
      <c r="DX67" s="896"/>
      <c r="DY67" s="896"/>
      <c r="DZ67" s="897"/>
      <c r="EA67" s="230"/>
    </row>
    <row r="68" spans="1:131" ht="26.25" customHeight="1" thickTop="1" x14ac:dyDescent="0.2">
      <c r="A68" s="236">
        <v>1</v>
      </c>
      <c r="B68" s="905" t="s">
        <v>573</v>
      </c>
      <c r="C68" s="906"/>
      <c r="D68" s="906"/>
      <c r="E68" s="906"/>
      <c r="F68" s="906"/>
      <c r="G68" s="906"/>
      <c r="H68" s="906"/>
      <c r="I68" s="906"/>
      <c r="J68" s="906"/>
      <c r="K68" s="906"/>
      <c r="L68" s="906"/>
      <c r="M68" s="906"/>
      <c r="N68" s="906"/>
      <c r="O68" s="906"/>
      <c r="P68" s="907"/>
      <c r="Q68" s="908">
        <v>54</v>
      </c>
      <c r="R68" s="902"/>
      <c r="S68" s="902"/>
      <c r="T68" s="902"/>
      <c r="U68" s="902"/>
      <c r="V68" s="902">
        <v>19</v>
      </c>
      <c r="W68" s="902"/>
      <c r="X68" s="902"/>
      <c r="Y68" s="902"/>
      <c r="Z68" s="902"/>
      <c r="AA68" s="902">
        <v>34</v>
      </c>
      <c r="AB68" s="902"/>
      <c r="AC68" s="902"/>
      <c r="AD68" s="902"/>
      <c r="AE68" s="902"/>
      <c r="AF68" s="902">
        <v>34</v>
      </c>
      <c r="AG68" s="902"/>
      <c r="AH68" s="902"/>
      <c r="AI68" s="902"/>
      <c r="AJ68" s="902"/>
      <c r="AK68" s="902" t="s">
        <v>507</v>
      </c>
      <c r="AL68" s="902"/>
      <c r="AM68" s="902"/>
      <c r="AN68" s="902"/>
      <c r="AO68" s="902"/>
      <c r="AP68" s="902" t="s">
        <v>507</v>
      </c>
      <c r="AQ68" s="902"/>
      <c r="AR68" s="902"/>
      <c r="AS68" s="902"/>
      <c r="AT68" s="902"/>
      <c r="AU68" s="902" t="s">
        <v>507</v>
      </c>
      <c r="AV68" s="902"/>
      <c r="AW68" s="902"/>
      <c r="AX68" s="902"/>
      <c r="AY68" s="902"/>
      <c r="AZ68" s="903"/>
      <c r="BA68" s="903"/>
      <c r="BB68" s="903"/>
      <c r="BC68" s="903"/>
      <c r="BD68" s="904"/>
      <c r="BE68" s="241"/>
      <c r="BF68" s="241"/>
      <c r="BG68" s="241"/>
      <c r="BH68" s="241"/>
      <c r="BI68" s="241"/>
      <c r="BJ68" s="241"/>
      <c r="BK68" s="241"/>
      <c r="BL68" s="241"/>
      <c r="BM68" s="241"/>
      <c r="BN68" s="241"/>
      <c r="BO68" s="241"/>
      <c r="BP68" s="241"/>
      <c r="BQ68" s="238">
        <v>62</v>
      </c>
      <c r="BR68" s="243"/>
      <c r="BS68" s="895"/>
      <c r="BT68" s="896"/>
      <c r="BU68" s="896"/>
      <c r="BV68" s="896"/>
      <c r="BW68" s="896"/>
      <c r="BX68" s="896"/>
      <c r="BY68" s="896"/>
      <c r="BZ68" s="896"/>
      <c r="CA68" s="896"/>
      <c r="CB68" s="896"/>
      <c r="CC68" s="896"/>
      <c r="CD68" s="896"/>
      <c r="CE68" s="896"/>
      <c r="CF68" s="896"/>
      <c r="CG68" s="901"/>
      <c r="CH68" s="898"/>
      <c r="CI68" s="899"/>
      <c r="CJ68" s="899"/>
      <c r="CK68" s="899"/>
      <c r="CL68" s="900"/>
      <c r="CM68" s="898"/>
      <c r="CN68" s="899"/>
      <c r="CO68" s="899"/>
      <c r="CP68" s="899"/>
      <c r="CQ68" s="900"/>
      <c r="CR68" s="898"/>
      <c r="CS68" s="899"/>
      <c r="CT68" s="899"/>
      <c r="CU68" s="899"/>
      <c r="CV68" s="900"/>
      <c r="CW68" s="898"/>
      <c r="CX68" s="899"/>
      <c r="CY68" s="899"/>
      <c r="CZ68" s="899"/>
      <c r="DA68" s="900"/>
      <c r="DB68" s="898"/>
      <c r="DC68" s="899"/>
      <c r="DD68" s="899"/>
      <c r="DE68" s="899"/>
      <c r="DF68" s="900"/>
      <c r="DG68" s="898"/>
      <c r="DH68" s="899"/>
      <c r="DI68" s="899"/>
      <c r="DJ68" s="899"/>
      <c r="DK68" s="900"/>
      <c r="DL68" s="898"/>
      <c r="DM68" s="899"/>
      <c r="DN68" s="899"/>
      <c r="DO68" s="899"/>
      <c r="DP68" s="900"/>
      <c r="DQ68" s="898"/>
      <c r="DR68" s="899"/>
      <c r="DS68" s="899"/>
      <c r="DT68" s="899"/>
      <c r="DU68" s="900"/>
      <c r="DV68" s="895"/>
      <c r="DW68" s="896"/>
      <c r="DX68" s="896"/>
      <c r="DY68" s="896"/>
      <c r="DZ68" s="897"/>
      <c r="EA68" s="230"/>
    </row>
    <row r="69" spans="1:131" ht="26.25" customHeight="1" x14ac:dyDescent="0.2">
      <c r="A69" s="238">
        <v>2</v>
      </c>
      <c r="B69" s="909" t="s">
        <v>574</v>
      </c>
      <c r="C69" s="910"/>
      <c r="D69" s="910"/>
      <c r="E69" s="910"/>
      <c r="F69" s="910"/>
      <c r="G69" s="910"/>
      <c r="H69" s="910"/>
      <c r="I69" s="910"/>
      <c r="J69" s="910"/>
      <c r="K69" s="910"/>
      <c r="L69" s="910"/>
      <c r="M69" s="910"/>
      <c r="N69" s="910"/>
      <c r="O69" s="910"/>
      <c r="P69" s="911"/>
      <c r="Q69" s="912">
        <v>13</v>
      </c>
      <c r="R69" s="866"/>
      <c r="S69" s="866"/>
      <c r="T69" s="866"/>
      <c r="U69" s="866"/>
      <c r="V69" s="866">
        <v>10</v>
      </c>
      <c r="W69" s="866"/>
      <c r="X69" s="866"/>
      <c r="Y69" s="866"/>
      <c r="Z69" s="866"/>
      <c r="AA69" s="866">
        <v>3</v>
      </c>
      <c r="AB69" s="866"/>
      <c r="AC69" s="866"/>
      <c r="AD69" s="866"/>
      <c r="AE69" s="866"/>
      <c r="AF69" s="866">
        <v>3</v>
      </c>
      <c r="AG69" s="866"/>
      <c r="AH69" s="866"/>
      <c r="AI69" s="866"/>
      <c r="AJ69" s="866"/>
      <c r="AK69" s="866" t="s">
        <v>507</v>
      </c>
      <c r="AL69" s="866"/>
      <c r="AM69" s="866"/>
      <c r="AN69" s="866"/>
      <c r="AO69" s="866"/>
      <c r="AP69" s="866" t="s">
        <v>507</v>
      </c>
      <c r="AQ69" s="866"/>
      <c r="AR69" s="866"/>
      <c r="AS69" s="866"/>
      <c r="AT69" s="866"/>
      <c r="AU69" s="866" t="s">
        <v>507</v>
      </c>
      <c r="AV69" s="866"/>
      <c r="AW69" s="866"/>
      <c r="AX69" s="866"/>
      <c r="AY69" s="866"/>
      <c r="AZ69" s="868"/>
      <c r="BA69" s="868"/>
      <c r="BB69" s="868"/>
      <c r="BC69" s="868"/>
      <c r="BD69" s="869"/>
      <c r="BE69" s="241"/>
      <c r="BF69" s="241"/>
      <c r="BG69" s="241"/>
      <c r="BH69" s="241"/>
      <c r="BI69" s="241"/>
      <c r="BJ69" s="241"/>
      <c r="BK69" s="241"/>
      <c r="BL69" s="241"/>
      <c r="BM69" s="241"/>
      <c r="BN69" s="241"/>
      <c r="BO69" s="241"/>
      <c r="BP69" s="241"/>
      <c r="BQ69" s="238">
        <v>63</v>
      </c>
      <c r="BR69" s="243"/>
      <c r="BS69" s="895"/>
      <c r="BT69" s="896"/>
      <c r="BU69" s="896"/>
      <c r="BV69" s="896"/>
      <c r="BW69" s="896"/>
      <c r="BX69" s="896"/>
      <c r="BY69" s="896"/>
      <c r="BZ69" s="896"/>
      <c r="CA69" s="896"/>
      <c r="CB69" s="896"/>
      <c r="CC69" s="896"/>
      <c r="CD69" s="896"/>
      <c r="CE69" s="896"/>
      <c r="CF69" s="896"/>
      <c r="CG69" s="901"/>
      <c r="CH69" s="898"/>
      <c r="CI69" s="899"/>
      <c r="CJ69" s="899"/>
      <c r="CK69" s="899"/>
      <c r="CL69" s="900"/>
      <c r="CM69" s="898"/>
      <c r="CN69" s="899"/>
      <c r="CO69" s="899"/>
      <c r="CP69" s="899"/>
      <c r="CQ69" s="900"/>
      <c r="CR69" s="898"/>
      <c r="CS69" s="899"/>
      <c r="CT69" s="899"/>
      <c r="CU69" s="899"/>
      <c r="CV69" s="900"/>
      <c r="CW69" s="898"/>
      <c r="CX69" s="899"/>
      <c r="CY69" s="899"/>
      <c r="CZ69" s="899"/>
      <c r="DA69" s="900"/>
      <c r="DB69" s="898"/>
      <c r="DC69" s="899"/>
      <c r="DD69" s="899"/>
      <c r="DE69" s="899"/>
      <c r="DF69" s="900"/>
      <c r="DG69" s="898"/>
      <c r="DH69" s="899"/>
      <c r="DI69" s="899"/>
      <c r="DJ69" s="899"/>
      <c r="DK69" s="900"/>
      <c r="DL69" s="898"/>
      <c r="DM69" s="899"/>
      <c r="DN69" s="899"/>
      <c r="DO69" s="899"/>
      <c r="DP69" s="900"/>
      <c r="DQ69" s="898"/>
      <c r="DR69" s="899"/>
      <c r="DS69" s="899"/>
      <c r="DT69" s="899"/>
      <c r="DU69" s="900"/>
      <c r="DV69" s="895"/>
      <c r="DW69" s="896"/>
      <c r="DX69" s="896"/>
      <c r="DY69" s="896"/>
      <c r="DZ69" s="897"/>
      <c r="EA69" s="230"/>
    </row>
    <row r="70" spans="1:131" ht="26.25" customHeight="1" x14ac:dyDescent="0.2">
      <c r="A70" s="238">
        <v>3</v>
      </c>
      <c r="B70" s="909" t="s">
        <v>575</v>
      </c>
      <c r="C70" s="910"/>
      <c r="D70" s="910"/>
      <c r="E70" s="910"/>
      <c r="F70" s="910"/>
      <c r="G70" s="910"/>
      <c r="H70" s="910"/>
      <c r="I70" s="910"/>
      <c r="J70" s="910"/>
      <c r="K70" s="910"/>
      <c r="L70" s="910"/>
      <c r="M70" s="910"/>
      <c r="N70" s="910"/>
      <c r="O70" s="910"/>
      <c r="P70" s="911"/>
      <c r="Q70" s="912">
        <v>139</v>
      </c>
      <c r="R70" s="866"/>
      <c r="S70" s="866"/>
      <c r="T70" s="866"/>
      <c r="U70" s="866"/>
      <c r="V70" s="866">
        <v>120</v>
      </c>
      <c r="W70" s="866"/>
      <c r="X70" s="866"/>
      <c r="Y70" s="866"/>
      <c r="Z70" s="866"/>
      <c r="AA70" s="866">
        <v>19</v>
      </c>
      <c r="AB70" s="866"/>
      <c r="AC70" s="866"/>
      <c r="AD70" s="866"/>
      <c r="AE70" s="866"/>
      <c r="AF70" s="866">
        <v>19</v>
      </c>
      <c r="AG70" s="866"/>
      <c r="AH70" s="866"/>
      <c r="AI70" s="866"/>
      <c r="AJ70" s="866"/>
      <c r="AK70" s="866">
        <v>14</v>
      </c>
      <c r="AL70" s="866"/>
      <c r="AM70" s="866"/>
      <c r="AN70" s="866"/>
      <c r="AO70" s="866"/>
      <c r="AP70" s="866" t="s">
        <v>507</v>
      </c>
      <c r="AQ70" s="866"/>
      <c r="AR70" s="866"/>
      <c r="AS70" s="866"/>
      <c r="AT70" s="866"/>
      <c r="AU70" s="866" t="s">
        <v>507</v>
      </c>
      <c r="AV70" s="866"/>
      <c r="AW70" s="866"/>
      <c r="AX70" s="866"/>
      <c r="AY70" s="866"/>
      <c r="AZ70" s="868"/>
      <c r="BA70" s="868"/>
      <c r="BB70" s="868"/>
      <c r="BC70" s="868"/>
      <c r="BD70" s="869"/>
      <c r="BE70" s="241"/>
      <c r="BF70" s="241"/>
      <c r="BG70" s="241"/>
      <c r="BH70" s="241"/>
      <c r="BI70" s="241"/>
      <c r="BJ70" s="241"/>
      <c r="BK70" s="241"/>
      <c r="BL70" s="241"/>
      <c r="BM70" s="241"/>
      <c r="BN70" s="241"/>
      <c r="BO70" s="241"/>
      <c r="BP70" s="241"/>
      <c r="BQ70" s="238">
        <v>64</v>
      </c>
      <c r="BR70" s="243"/>
      <c r="BS70" s="895"/>
      <c r="BT70" s="896"/>
      <c r="BU70" s="896"/>
      <c r="BV70" s="896"/>
      <c r="BW70" s="896"/>
      <c r="BX70" s="896"/>
      <c r="BY70" s="896"/>
      <c r="BZ70" s="896"/>
      <c r="CA70" s="896"/>
      <c r="CB70" s="896"/>
      <c r="CC70" s="896"/>
      <c r="CD70" s="896"/>
      <c r="CE70" s="896"/>
      <c r="CF70" s="896"/>
      <c r="CG70" s="901"/>
      <c r="CH70" s="898"/>
      <c r="CI70" s="899"/>
      <c r="CJ70" s="899"/>
      <c r="CK70" s="899"/>
      <c r="CL70" s="900"/>
      <c r="CM70" s="898"/>
      <c r="CN70" s="899"/>
      <c r="CO70" s="899"/>
      <c r="CP70" s="899"/>
      <c r="CQ70" s="900"/>
      <c r="CR70" s="898"/>
      <c r="CS70" s="899"/>
      <c r="CT70" s="899"/>
      <c r="CU70" s="899"/>
      <c r="CV70" s="900"/>
      <c r="CW70" s="898"/>
      <c r="CX70" s="899"/>
      <c r="CY70" s="899"/>
      <c r="CZ70" s="899"/>
      <c r="DA70" s="900"/>
      <c r="DB70" s="898"/>
      <c r="DC70" s="899"/>
      <c r="DD70" s="899"/>
      <c r="DE70" s="899"/>
      <c r="DF70" s="900"/>
      <c r="DG70" s="898"/>
      <c r="DH70" s="899"/>
      <c r="DI70" s="899"/>
      <c r="DJ70" s="899"/>
      <c r="DK70" s="900"/>
      <c r="DL70" s="898"/>
      <c r="DM70" s="899"/>
      <c r="DN70" s="899"/>
      <c r="DO70" s="899"/>
      <c r="DP70" s="900"/>
      <c r="DQ70" s="898"/>
      <c r="DR70" s="899"/>
      <c r="DS70" s="899"/>
      <c r="DT70" s="899"/>
      <c r="DU70" s="900"/>
      <c r="DV70" s="895"/>
      <c r="DW70" s="896"/>
      <c r="DX70" s="896"/>
      <c r="DY70" s="896"/>
      <c r="DZ70" s="897"/>
      <c r="EA70" s="230"/>
    </row>
    <row r="71" spans="1:131" ht="26.25" customHeight="1" x14ac:dyDescent="0.2">
      <c r="A71" s="238">
        <v>4</v>
      </c>
      <c r="B71" s="909" t="s">
        <v>576</v>
      </c>
      <c r="C71" s="910"/>
      <c r="D71" s="910"/>
      <c r="E71" s="910"/>
      <c r="F71" s="910"/>
      <c r="G71" s="910"/>
      <c r="H71" s="910"/>
      <c r="I71" s="910"/>
      <c r="J71" s="910"/>
      <c r="K71" s="910"/>
      <c r="L71" s="910"/>
      <c r="M71" s="910"/>
      <c r="N71" s="910"/>
      <c r="O71" s="910"/>
      <c r="P71" s="911"/>
      <c r="Q71" s="912">
        <v>453</v>
      </c>
      <c r="R71" s="866"/>
      <c r="S71" s="866"/>
      <c r="T71" s="866"/>
      <c r="U71" s="866"/>
      <c r="V71" s="866">
        <v>401</v>
      </c>
      <c r="W71" s="866"/>
      <c r="X71" s="866"/>
      <c r="Y71" s="866"/>
      <c r="Z71" s="866"/>
      <c r="AA71" s="866">
        <v>52</v>
      </c>
      <c r="AB71" s="866"/>
      <c r="AC71" s="866"/>
      <c r="AD71" s="866"/>
      <c r="AE71" s="866"/>
      <c r="AF71" s="866">
        <v>52</v>
      </c>
      <c r="AG71" s="866"/>
      <c r="AH71" s="866"/>
      <c r="AI71" s="866"/>
      <c r="AJ71" s="866"/>
      <c r="AK71" s="866">
        <v>9</v>
      </c>
      <c r="AL71" s="866"/>
      <c r="AM71" s="866"/>
      <c r="AN71" s="866"/>
      <c r="AO71" s="866"/>
      <c r="AP71" s="866" t="s">
        <v>507</v>
      </c>
      <c r="AQ71" s="866"/>
      <c r="AR71" s="866"/>
      <c r="AS71" s="866"/>
      <c r="AT71" s="866"/>
      <c r="AU71" s="866" t="s">
        <v>507</v>
      </c>
      <c r="AV71" s="866"/>
      <c r="AW71" s="866"/>
      <c r="AX71" s="866"/>
      <c r="AY71" s="866"/>
      <c r="AZ71" s="868"/>
      <c r="BA71" s="868"/>
      <c r="BB71" s="868"/>
      <c r="BC71" s="868"/>
      <c r="BD71" s="869"/>
      <c r="BE71" s="241"/>
      <c r="BF71" s="241"/>
      <c r="BG71" s="241"/>
      <c r="BH71" s="241"/>
      <c r="BI71" s="241"/>
      <c r="BJ71" s="241"/>
      <c r="BK71" s="241"/>
      <c r="BL71" s="241"/>
      <c r="BM71" s="241"/>
      <c r="BN71" s="241"/>
      <c r="BO71" s="241"/>
      <c r="BP71" s="241"/>
      <c r="BQ71" s="238">
        <v>65</v>
      </c>
      <c r="BR71" s="243"/>
      <c r="BS71" s="895"/>
      <c r="BT71" s="896"/>
      <c r="BU71" s="896"/>
      <c r="BV71" s="896"/>
      <c r="BW71" s="896"/>
      <c r="BX71" s="896"/>
      <c r="BY71" s="896"/>
      <c r="BZ71" s="896"/>
      <c r="CA71" s="896"/>
      <c r="CB71" s="896"/>
      <c r="CC71" s="896"/>
      <c r="CD71" s="896"/>
      <c r="CE71" s="896"/>
      <c r="CF71" s="896"/>
      <c r="CG71" s="901"/>
      <c r="CH71" s="898"/>
      <c r="CI71" s="899"/>
      <c r="CJ71" s="899"/>
      <c r="CK71" s="899"/>
      <c r="CL71" s="900"/>
      <c r="CM71" s="898"/>
      <c r="CN71" s="899"/>
      <c r="CO71" s="899"/>
      <c r="CP71" s="899"/>
      <c r="CQ71" s="900"/>
      <c r="CR71" s="898"/>
      <c r="CS71" s="899"/>
      <c r="CT71" s="899"/>
      <c r="CU71" s="899"/>
      <c r="CV71" s="900"/>
      <c r="CW71" s="898"/>
      <c r="CX71" s="899"/>
      <c r="CY71" s="899"/>
      <c r="CZ71" s="899"/>
      <c r="DA71" s="900"/>
      <c r="DB71" s="898"/>
      <c r="DC71" s="899"/>
      <c r="DD71" s="899"/>
      <c r="DE71" s="899"/>
      <c r="DF71" s="900"/>
      <c r="DG71" s="898"/>
      <c r="DH71" s="899"/>
      <c r="DI71" s="899"/>
      <c r="DJ71" s="899"/>
      <c r="DK71" s="900"/>
      <c r="DL71" s="898"/>
      <c r="DM71" s="899"/>
      <c r="DN71" s="899"/>
      <c r="DO71" s="899"/>
      <c r="DP71" s="900"/>
      <c r="DQ71" s="898"/>
      <c r="DR71" s="899"/>
      <c r="DS71" s="899"/>
      <c r="DT71" s="899"/>
      <c r="DU71" s="900"/>
      <c r="DV71" s="895"/>
      <c r="DW71" s="896"/>
      <c r="DX71" s="896"/>
      <c r="DY71" s="896"/>
      <c r="DZ71" s="897"/>
      <c r="EA71" s="230"/>
    </row>
    <row r="72" spans="1:131" ht="26.25" customHeight="1" x14ac:dyDescent="0.2">
      <c r="A72" s="238">
        <v>5</v>
      </c>
      <c r="B72" s="909" t="s">
        <v>577</v>
      </c>
      <c r="C72" s="910"/>
      <c r="D72" s="910"/>
      <c r="E72" s="910"/>
      <c r="F72" s="910"/>
      <c r="G72" s="910"/>
      <c r="H72" s="910"/>
      <c r="I72" s="910"/>
      <c r="J72" s="910"/>
      <c r="K72" s="910"/>
      <c r="L72" s="910"/>
      <c r="M72" s="910"/>
      <c r="N72" s="910"/>
      <c r="O72" s="910"/>
      <c r="P72" s="911"/>
      <c r="Q72" s="912">
        <v>47</v>
      </c>
      <c r="R72" s="866"/>
      <c r="S72" s="866"/>
      <c r="T72" s="866"/>
      <c r="U72" s="866"/>
      <c r="V72" s="866">
        <v>3</v>
      </c>
      <c r="W72" s="866"/>
      <c r="X72" s="866"/>
      <c r="Y72" s="866"/>
      <c r="Z72" s="866"/>
      <c r="AA72" s="866">
        <v>43</v>
      </c>
      <c r="AB72" s="866"/>
      <c r="AC72" s="866"/>
      <c r="AD72" s="866"/>
      <c r="AE72" s="866"/>
      <c r="AF72" s="866">
        <v>43</v>
      </c>
      <c r="AG72" s="866"/>
      <c r="AH72" s="866"/>
      <c r="AI72" s="866"/>
      <c r="AJ72" s="866"/>
      <c r="AK72" s="866" t="s">
        <v>507</v>
      </c>
      <c r="AL72" s="866"/>
      <c r="AM72" s="866"/>
      <c r="AN72" s="866"/>
      <c r="AO72" s="866"/>
      <c r="AP72" s="866" t="s">
        <v>507</v>
      </c>
      <c r="AQ72" s="866"/>
      <c r="AR72" s="866"/>
      <c r="AS72" s="866"/>
      <c r="AT72" s="866"/>
      <c r="AU72" s="866" t="s">
        <v>507</v>
      </c>
      <c r="AV72" s="866"/>
      <c r="AW72" s="866"/>
      <c r="AX72" s="866"/>
      <c r="AY72" s="866"/>
      <c r="AZ72" s="868"/>
      <c r="BA72" s="868"/>
      <c r="BB72" s="868"/>
      <c r="BC72" s="868"/>
      <c r="BD72" s="869"/>
      <c r="BE72" s="241"/>
      <c r="BF72" s="241"/>
      <c r="BG72" s="241"/>
      <c r="BH72" s="241"/>
      <c r="BI72" s="241"/>
      <c r="BJ72" s="241"/>
      <c r="BK72" s="241"/>
      <c r="BL72" s="241"/>
      <c r="BM72" s="241"/>
      <c r="BN72" s="241"/>
      <c r="BO72" s="241"/>
      <c r="BP72" s="241"/>
      <c r="BQ72" s="238">
        <v>66</v>
      </c>
      <c r="BR72" s="243"/>
      <c r="BS72" s="895"/>
      <c r="BT72" s="896"/>
      <c r="BU72" s="896"/>
      <c r="BV72" s="896"/>
      <c r="BW72" s="896"/>
      <c r="BX72" s="896"/>
      <c r="BY72" s="896"/>
      <c r="BZ72" s="896"/>
      <c r="CA72" s="896"/>
      <c r="CB72" s="896"/>
      <c r="CC72" s="896"/>
      <c r="CD72" s="896"/>
      <c r="CE72" s="896"/>
      <c r="CF72" s="896"/>
      <c r="CG72" s="901"/>
      <c r="CH72" s="898"/>
      <c r="CI72" s="899"/>
      <c r="CJ72" s="899"/>
      <c r="CK72" s="899"/>
      <c r="CL72" s="900"/>
      <c r="CM72" s="898"/>
      <c r="CN72" s="899"/>
      <c r="CO72" s="899"/>
      <c r="CP72" s="899"/>
      <c r="CQ72" s="900"/>
      <c r="CR72" s="898"/>
      <c r="CS72" s="899"/>
      <c r="CT72" s="899"/>
      <c r="CU72" s="899"/>
      <c r="CV72" s="900"/>
      <c r="CW72" s="898"/>
      <c r="CX72" s="899"/>
      <c r="CY72" s="899"/>
      <c r="CZ72" s="899"/>
      <c r="DA72" s="900"/>
      <c r="DB72" s="898"/>
      <c r="DC72" s="899"/>
      <c r="DD72" s="899"/>
      <c r="DE72" s="899"/>
      <c r="DF72" s="900"/>
      <c r="DG72" s="898"/>
      <c r="DH72" s="899"/>
      <c r="DI72" s="899"/>
      <c r="DJ72" s="899"/>
      <c r="DK72" s="900"/>
      <c r="DL72" s="898"/>
      <c r="DM72" s="899"/>
      <c r="DN72" s="899"/>
      <c r="DO72" s="899"/>
      <c r="DP72" s="900"/>
      <c r="DQ72" s="898"/>
      <c r="DR72" s="899"/>
      <c r="DS72" s="899"/>
      <c r="DT72" s="899"/>
      <c r="DU72" s="900"/>
      <c r="DV72" s="895"/>
      <c r="DW72" s="896"/>
      <c r="DX72" s="896"/>
      <c r="DY72" s="896"/>
      <c r="DZ72" s="897"/>
      <c r="EA72" s="230"/>
    </row>
    <row r="73" spans="1:131" ht="26.25" customHeight="1" x14ac:dyDescent="0.2">
      <c r="A73" s="238">
        <v>6</v>
      </c>
      <c r="B73" s="909" t="s">
        <v>578</v>
      </c>
      <c r="C73" s="910"/>
      <c r="D73" s="910"/>
      <c r="E73" s="910"/>
      <c r="F73" s="910"/>
      <c r="G73" s="910"/>
      <c r="H73" s="910"/>
      <c r="I73" s="910"/>
      <c r="J73" s="910"/>
      <c r="K73" s="910"/>
      <c r="L73" s="910"/>
      <c r="M73" s="910"/>
      <c r="N73" s="910"/>
      <c r="O73" s="910"/>
      <c r="P73" s="911"/>
      <c r="Q73" s="912">
        <v>3303</v>
      </c>
      <c r="R73" s="866"/>
      <c r="S73" s="866"/>
      <c r="T73" s="866"/>
      <c r="U73" s="866"/>
      <c r="V73" s="866">
        <v>3104</v>
      </c>
      <c r="W73" s="866"/>
      <c r="X73" s="866"/>
      <c r="Y73" s="866"/>
      <c r="Z73" s="866"/>
      <c r="AA73" s="866">
        <v>199</v>
      </c>
      <c r="AB73" s="866"/>
      <c r="AC73" s="866"/>
      <c r="AD73" s="866"/>
      <c r="AE73" s="866"/>
      <c r="AF73" s="866">
        <v>199</v>
      </c>
      <c r="AG73" s="866"/>
      <c r="AH73" s="866"/>
      <c r="AI73" s="866"/>
      <c r="AJ73" s="866"/>
      <c r="AK73" s="866" t="s">
        <v>507</v>
      </c>
      <c r="AL73" s="866"/>
      <c r="AM73" s="866"/>
      <c r="AN73" s="866"/>
      <c r="AO73" s="866"/>
      <c r="AP73" s="866" t="s">
        <v>507</v>
      </c>
      <c r="AQ73" s="866"/>
      <c r="AR73" s="866"/>
      <c r="AS73" s="866"/>
      <c r="AT73" s="866"/>
      <c r="AU73" s="866" t="s">
        <v>507</v>
      </c>
      <c r="AV73" s="866"/>
      <c r="AW73" s="866"/>
      <c r="AX73" s="866"/>
      <c r="AY73" s="866"/>
      <c r="AZ73" s="868"/>
      <c r="BA73" s="868"/>
      <c r="BB73" s="868"/>
      <c r="BC73" s="868"/>
      <c r="BD73" s="869"/>
      <c r="BE73" s="241"/>
      <c r="BF73" s="241"/>
      <c r="BG73" s="241"/>
      <c r="BH73" s="241"/>
      <c r="BI73" s="241"/>
      <c r="BJ73" s="241"/>
      <c r="BK73" s="241"/>
      <c r="BL73" s="241"/>
      <c r="BM73" s="241"/>
      <c r="BN73" s="241"/>
      <c r="BO73" s="241"/>
      <c r="BP73" s="241"/>
      <c r="BQ73" s="238">
        <v>67</v>
      </c>
      <c r="BR73" s="243"/>
      <c r="BS73" s="895"/>
      <c r="BT73" s="896"/>
      <c r="BU73" s="896"/>
      <c r="BV73" s="896"/>
      <c r="BW73" s="896"/>
      <c r="BX73" s="896"/>
      <c r="BY73" s="896"/>
      <c r="BZ73" s="896"/>
      <c r="CA73" s="896"/>
      <c r="CB73" s="896"/>
      <c r="CC73" s="896"/>
      <c r="CD73" s="896"/>
      <c r="CE73" s="896"/>
      <c r="CF73" s="896"/>
      <c r="CG73" s="901"/>
      <c r="CH73" s="898"/>
      <c r="CI73" s="899"/>
      <c r="CJ73" s="899"/>
      <c r="CK73" s="899"/>
      <c r="CL73" s="900"/>
      <c r="CM73" s="898"/>
      <c r="CN73" s="899"/>
      <c r="CO73" s="899"/>
      <c r="CP73" s="899"/>
      <c r="CQ73" s="900"/>
      <c r="CR73" s="898"/>
      <c r="CS73" s="899"/>
      <c r="CT73" s="899"/>
      <c r="CU73" s="899"/>
      <c r="CV73" s="900"/>
      <c r="CW73" s="898"/>
      <c r="CX73" s="899"/>
      <c r="CY73" s="899"/>
      <c r="CZ73" s="899"/>
      <c r="DA73" s="900"/>
      <c r="DB73" s="898"/>
      <c r="DC73" s="899"/>
      <c r="DD73" s="899"/>
      <c r="DE73" s="899"/>
      <c r="DF73" s="900"/>
      <c r="DG73" s="898"/>
      <c r="DH73" s="899"/>
      <c r="DI73" s="899"/>
      <c r="DJ73" s="899"/>
      <c r="DK73" s="900"/>
      <c r="DL73" s="898"/>
      <c r="DM73" s="899"/>
      <c r="DN73" s="899"/>
      <c r="DO73" s="899"/>
      <c r="DP73" s="900"/>
      <c r="DQ73" s="898"/>
      <c r="DR73" s="899"/>
      <c r="DS73" s="899"/>
      <c r="DT73" s="899"/>
      <c r="DU73" s="900"/>
      <c r="DV73" s="895"/>
      <c r="DW73" s="896"/>
      <c r="DX73" s="896"/>
      <c r="DY73" s="896"/>
      <c r="DZ73" s="897"/>
      <c r="EA73" s="230"/>
    </row>
    <row r="74" spans="1:131" ht="26.25" customHeight="1" x14ac:dyDescent="0.2">
      <c r="A74" s="238">
        <v>7</v>
      </c>
      <c r="B74" s="909" t="s">
        <v>579</v>
      </c>
      <c r="C74" s="910"/>
      <c r="D74" s="910"/>
      <c r="E74" s="910"/>
      <c r="F74" s="910"/>
      <c r="G74" s="910"/>
      <c r="H74" s="910"/>
      <c r="I74" s="910"/>
      <c r="J74" s="910"/>
      <c r="K74" s="910"/>
      <c r="L74" s="910"/>
      <c r="M74" s="910"/>
      <c r="N74" s="910"/>
      <c r="O74" s="910"/>
      <c r="P74" s="911"/>
      <c r="Q74" s="912">
        <v>4957</v>
      </c>
      <c r="R74" s="866"/>
      <c r="S74" s="866"/>
      <c r="T74" s="866"/>
      <c r="U74" s="866"/>
      <c r="V74" s="866">
        <v>4411</v>
      </c>
      <c r="W74" s="866"/>
      <c r="X74" s="866"/>
      <c r="Y74" s="866"/>
      <c r="Z74" s="866"/>
      <c r="AA74" s="866">
        <v>546</v>
      </c>
      <c r="AB74" s="866"/>
      <c r="AC74" s="866"/>
      <c r="AD74" s="866"/>
      <c r="AE74" s="866"/>
      <c r="AF74" s="866">
        <v>546</v>
      </c>
      <c r="AG74" s="866"/>
      <c r="AH74" s="866"/>
      <c r="AI74" s="866"/>
      <c r="AJ74" s="866"/>
      <c r="AK74" s="866">
        <v>543</v>
      </c>
      <c r="AL74" s="866"/>
      <c r="AM74" s="866"/>
      <c r="AN74" s="866"/>
      <c r="AO74" s="866"/>
      <c r="AP74" s="866" t="s">
        <v>507</v>
      </c>
      <c r="AQ74" s="866"/>
      <c r="AR74" s="866"/>
      <c r="AS74" s="866"/>
      <c r="AT74" s="866"/>
      <c r="AU74" s="866" t="s">
        <v>507</v>
      </c>
      <c r="AV74" s="866"/>
      <c r="AW74" s="866"/>
      <c r="AX74" s="866"/>
      <c r="AY74" s="866"/>
      <c r="AZ74" s="868"/>
      <c r="BA74" s="868"/>
      <c r="BB74" s="868"/>
      <c r="BC74" s="868"/>
      <c r="BD74" s="869"/>
      <c r="BE74" s="241"/>
      <c r="BF74" s="241"/>
      <c r="BG74" s="241"/>
      <c r="BH74" s="241"/>
      <c r="BI74" s="241"/>
      <c r="BJ74" s="241"/>
      <c r="BK74" s="241"/>
      <c r="BL74" s="241"/>
      <c r="BM74" s="241"/>
      <c r="BN74" s="241"/>
      <c r="BO74" s="241"/>
      <c r="BP74" s="241"/>
      <c r="BQ74" s="238">
        <v>68</v>
      </c>
      <c r="BR74" s="243"/>
      <c r="BS74" s="895"/>
      <c r="BT74" s="896"/>
      <c r="BU74" s="896"/>
      <c r="BV74" s="896"/>
      <c r="BW74" s="896"/>
      <c r="BX74" s="896"/>
      <c r="BY74" s="896"/>
      <c r="BZ74" s="896"/>
      <c r="CA74" s="896"/>
      <c r="CB74" s="896"/>
      <c r="CC74" s="896"/>
      <c r="CD74" s="896"/>
      <c r="CE74" s="896"/>
      <c r="CF74" s="896"/>
      <c r="CG74" s="901"/>
      <c r="CH74" s="898"/>
      <c r="CI74" s="899"/>
      <c r="CJ74" s="899"/>
      <c r="CK74" s="899"/>
      <c r="CL74" s="900"/>
      <c r="CM74" s="898"/>
      <c r="CN74" s="899"/>
      <c r="CO74" s="899"/>
      <c r="CP74" s="899"/>
      <c r="CQ74" s="900"/>
      <c r="CR74" s="898"/>
      <c r="CS74" s="899"/>
      <c r="CT74" s="899"/>
      <c r="CU74" s="899"/>
      <c r="CV74" s="900"/>
      <c r="CW74" s="898"/>
      <c r="CX74" s="899"/>
      <c r="CY74" s="899"/>
      <c r="CZ74" s="899"/>
      <c r="DA74" s="900"/>
      <c r="DB74" s="898"/>
      <c r="DC74" s="899"/>
      <c r="DD74" s="899"/>
      <c r="DE74" s="899"/>
      <c r="DF74" s="900"/>
      <c r="DG74" s="898"/>
      <c r="DH74" s="899"/>
      <c r="DI74" s="899"/>
      <c r="DJ74" s="899"/>
      <c r="DK74" s="900"/>
      <c r="DL74" s="898"/>
      <c r="DM74" s="899"/>
      <c r="DN74" s="899"/>
      <c r="DO74" s="899"/>
      <c r="DP74" s="900"/>
      <c r="DQ74" s="898"/>
      <c r="DR74" s="899"/>
      <c r="DS74" s="899"/>
      <c r="DT74" s="899"/>
      <c r="DU74" s="900"/>
      <c r="DV74" s="895"/>
      <c r="DW74" s="896"/>
      <c r="DX74" s="896"/>
      <c r="DY74" s="896"/>
      <c r="DZ74" s="897"/>
      <c r="EA74" s="230"/>
    </row>
    <row r="75" spans="1:131" ht="26.25" customHeight="1" x14ac:dyDescent="0.2">
      <c r="A75" s="238">
        <v>8</v>
      </c>
      <c r="B75" s="909" t="s">
        <v>580</v>
      </c>
      <c r="C75" s="910"/>
      <c r="D75" s="910"/>
      <c r="E75" s="910"/>
      <c r="F75" s="910"/>
      <c r="G75" s="910"/>
      <c r="H75" s="910"/>
      <c r="I75" s="910"/>
      <c r="J75" s="910"/>
      <c r="K75" s="910"/>
      <c r="L75" s="910"/>
      <c r="M75" s="910"/>
      <c r="N75" s="910"/>
      <c r="O75" s="910"/>
      <c r="P75" s="911"/>
      <c r="Q75" s="913">
        <v>1038597</v>
      </c>
      <c r="R75" s="914"/>
      <c r="S75" s="914"/>
      <c r="T75" s="914"/>
      <c r="U75" s="870"/>
      <c r="V75" s="915">
        <v>1027785</v>
      </c>
      <c r="W75" s="914"/>
      <c r="X75" s="914"/>
      <c r="Y75" s="914"/>
      <c r="Z75" s="870"/>
      <c r="AA75" s="915">
        <v>10811</v>
      </c>
      <c r="AB75" s="914"/>
      <c r="AC75" s="914"/>
      <c r="AD75" s="914"/>
      <c r="AE75" s="870"/>
      <c r="AF75" s="915">
        <v>10811</v>
      </c>
      <c r="AG75" s="914"/>
      <c r="AH75" s="914"/>
      <c r="AI75" s="914"/>
      <c r="AJ75" s="870"/>
      <c r="AK75" s="915">
        <v>7967</v>
      </c>
      <c r="AL75" s="914"/>
      <c r="AM75" s="914"/>
      <c r="AN75" s="914"/>
      <c r="AO75" s="870"/>
      <c r="AP75" s="915" t="s">
        <v>507</v>
      </c>
      <c r="AQ75" s="914"/>
      <c r="AR75" s="914"/>
      <c r="AS75" s="914"/>
      <c r="AT75" s="870"/>
      <c r="AU75" s="915" t="s">
        <v>507</v>
      </c>
      <c r="AV75" s="914"/>
      <c r="AW75" s="914"/>
      <c r="AX75" s="914"/>
      <c r="AY75" s="870"/>
      <c r="AZ75" s="868"/>
      <c r="BA75" s="868"/>
      <c r="BB75" s="868"/>
      <c r="BC75" s="868"/>
      <c r="BD75" s="869"/>
      <c r="BE75" s="241"/>
      <c r="BF75" s="241"/>
      <c r="BG75" s="241"/>
      <c r="BH75" s="241"/>
      <c r="BI75" s="241"/>
      <c r="BJ75" s="241"/>
      <c r="BK75" s="241"/>
      <c r="BL75" s="241"/>
      <c r="BM75" s="241"/>
      <c r="BN75" s="241"/>
      <c r="BO75" s="241"/>
      <c r="BP75" s="241"/>
      <c r="BQ75" s="238">
        <v>69</v>
      </c>
      <c r="BR75" s="243"/>
      <c r="BS75" s="895"/>
      <c r="BT75" s="896"/>
      <c r="BU75" s="896"/>
      <c r="BV75" s="896"/>
      <c r="BW75" s="896"/>
      <c r="BX75" s="896"/>
      <c r="BY75" s="896"/>
      <c r="BZ75" s="896"/>
      <c r="CA75" s="896"/>
      <c r="CB75" s="896"/>
      <c r="CC75" s="896"/>
      <c r="CD75" s="896"/>
      <c r="CE75" s="896"/>
      <c r="CF75" s="896"/>
      <c r="CG75" s="901"/>
      <c r="CH75" s="898"/>
      <c r="CI75" s="899"/>
      <c r="CJ75" s="899"/>
      <c r="CK75" s="899"/>
      <c r="CL75" s="900"/>
      <c r="CM75" s="898"/>
      <c r="CN75" s="899"/>
      <c r="CO75" s="899"/>
      <c r="CP75" s="899"/>
      <c r="CQ75" s="900"/>
      <c r="CR75" s="898"/>
      <c r="CS75" s="899"/>
      <c r="CT75" s="899"/>
      <c r="CU75" s="899"/>
      <c r="CV75" s="900"/>
      <c r="CW75" s="898"/>
      <c r="CX75" s="899"/>
      <c r="CY75" s="899"/>
      <c r="CZ75" s="899"/>
      <c r="DA75" s="900"/>
      <c r="DB75" s="898"/>
      <c r="DC75" s="899"/>
      <c r="DD75" s="899"/>
      <c r="DE75" s="899"/>
      <c r="DF75" s="900"/>
      <c r="DG75" s="898"/>
      <c r="DH75" s="899"/>
      <c r="DI75" s="899"/>
      <c r="DJ75" s="899"/>
      <c r="DK75" s="900"/>
      <c r="DL75" s="898"/>
      <c r="DM75" s="899"/>
      <c r="DN75" s="899"/>
      <c r="DO75" s="899"/>
      <c r="DP75" s="900"/>
      <c r="DQ75" s="898"/>
      <c r="DR75" s="899"/>
      <c r="DS75" s="899"/>
      <c r="DT75" s="899"/>
      <c r="DU75" s="900"/>
      <c r="DV75" s="895"/>
      <c r="DW75" s="896"/>
      <c r="DX75" s="896"/>
      <c r="DY75" s="896"/>
      <c r="DZ75" s="897"/>
      <c r="EA75" s="230"/>
    </row>
    <row r="76" spans="1:131" ht="26.25" customHeight="1" x14ac:dyDescent="0.2">
      <c r="A76" s="238">
        <v>9</v>
      </c>
      <c r="B76" s="909" t="s">
        <v>581</v>
      </c>
      <c r="C76" s="910"/>
      <c r="D76" s="910"/>
      <c r="E76" s="910"/>
      <c r="F76" s="910"/>
      <c r="G76" s="910"/>
      <c r="H76" s="910"/>
      <c r="I76" s="910"/>
      <c r="J76" s="910"/>
      <c r="K76" s="910"/>
      <c r="L76" s="910"/>
      <c r="M76" s="910"/>
      <c r="N76" s="910"/>
      <c r="O76" s="910"/>
      <c r="P76" s="911"/>
      <c r="Q76" s="913">
        <v>1142</v>
      </c>
      <c r="R76" s="914"/>
      <c r="S76" s="914"/>
      <c r="T76" s="914"/>
      <c r="U76" s="870"/>
      <c r="V76" s="915">
        <v>1103</v>
      </c>
      <c r="W76" s="914"/>
      <c r="X76" s="914"/>
      <c r="Y76" s="914"/>
      <c r="Z76" s="870"/>
      <c r="AA76" s="915">
        <v>38</v>
      </c>
      <c r="AB76" s="914"/>
      <c r="AC76" s="914"/>
      <c r="AD76" s="914"/>
      <c r="AE76" s="870"/>
      <c r="AF76" s="915">
        <v>38</v>
      </c>
      <c r="AG76" s="914"/>
      <c r="AH76" s="914"/>
      <c r="AI76" s="914"/>
      <c r="AJ76" s="870"/>
      <c r="AK76" s="915" t="s">
        <v>507</v>
      </c>
      <c r="AL76" s="914"/>
      <c r="AM76" s="914"/>
      <c r="AN76" s="914"/>
      <c r="AO76" s="870"/>
      <c r="AP76" s="915" t="s">
        <v>507</v>
      </c>
      <c r="AQ76" s="914"/>
      <c r="AR76" s="914"/>
      <c r="AS76" s="914"/>
      <c r="AT76" s="870"/>
      <c r="AU76" s="915" t="s">
        <v>507</v>
      </c>
      <c r="AV76" s="914"/>
      <c r="AW76" s="914"/>
      <c r="AX76" s="914"/>
      <c r="AY76" s="870"/>
      <c r="AZ76" s="868"/>
      <c r="BA76" s="868"/>
      <c r="BB76" s="868"/>
      <c r="BC76" s="868"/>
      <c r="BD76" s="869"/>
      <c r="BE76" s="241"/>
      <c r="BF76" s="241"/>
      <c r="BG76" s="241"/>
      <c r="BH76" s="241"/>
      <c r="BI76" s="241"/>
      <c r="BJ76" s="241"/>
      <c r="BK76" s="241"/>
      <c r="BL76" s="241"/>
      <c r="BM76" s="241"/>
      <c r="BN76" s="241"/>
      <c r="BO76" s="241"/>
      <c r="BP76" s="241"/>
      <c r="BQ76" s="238">
        <v>70</v>
      </c>
      <c r="BR76" s="243"/>
      <c r="BS76" s="895"/>
      <c r="BT76" s="896"/>
      <c r="BU76" s="896"/>
      <c r="BV76" s="896"/>
      <c r="BW76" s="896"/>
      <c r="BX76" s="896"/>
      <c r="BY76" s="896"/>
      <c r="BZ76" s="896"/>
      <c r="CA76" s="896"/>
      <c r="CB76" s="896"/>
      <c r="CC76" s="896"/>
      <c r="CD76" s="896"/>
      <c r="CE76" s="896"/>
      <c r="CF76" s="896"/>
      <c r="CG76" s="901"/>
      <c r="CH76" s="898"/>
      <c r="CI76" s="899"/>
      <c r="CJ76" s="899"/>
      <c r="CK76" s="899"/>
      <c r="CL76" s="900"/>
      <c r="CM76" s="898"/>
      <c r="CN76" s="899"/>
      <c r="CO76" s="899"/>
      <c r="CP76" s="899"/>
      <c r="CQ76" s="900"/>
      <c r="CR76" s="898"/>
      <c r="CS76" s="899"/>
      <c r="CT76" s="899"/>
      <c r="CU76" s="899"/>
      <c r="CV76" s="900"/>
      <c r="CW76" s="898"/>
      <c r="CX76" s="899"/>
      <c r="CY76" s="899"/>
      <c r="CZ76" s="899"/>
      <c r="DA76" s="900"/>
      <c r="DB76" s="898"/>
      <c r="DC76" s="899"/>
      <c r="DD76" s="899"/>
      <c r="DE76" s="899"/>
      <c r="DF76" s="900"/>
      <c r="DG76" s="898"/>
      <c r="DH76" s="899"/>
      <c r="DI76" s="899"/>
      <c r="DJ76" s="899"/>
      <c r="DK76" s="900"/>
      <c r="DL76" s="898"/>
      <c r="DM76" s="899"/>
      <c r="DN76" s="899"/>
      <c r="DO76" s="899"/>
      <c r="DP76" s="900"/>
      <c r="DQ76" s="898"/>
      <c r="DR76" s="899"/>
      <c r="DS76" s="899"/>
      <c r="DT76" s="899"/>
      <c r="DU76" s="900"/>
      <c r="DV76" s="895"/>
      <c r="DW76" s="896"/>
      <c r="DX76" s="896"/>
      <c r="DY76" s="896"/>
      <c r="DZ76" s="897"/>
      <c r="EA76" s="230"/>
    </row>
    <row r="77" spans="1:131" ht="26.25" customHeight="1" x14ac:dyDescent="0.2">
      <c r="A77" s="238">
        <v>10</v>
      </c>
      <c r="B77" s="909"/>
      <c r="C77" s="910"/>
      <c r="D77" s="910"/>
      <c r="E77" s="910"/>
      <c r="F77" s="910"/>
      <c r="G77" s="910"/>
      <c r="H77" s="910"/>
      <c r="I77" s="910"/>
      <c r="J77" s="910"/>
      <c r="K77" s="910"/>
      <c r="L77" s="910"/>
      <c r="M77" s="910"/>
      <c r="N77" s="910"/>
      <c r="O77" s="910"/>
      <c r="P77" s="911"/>
      <c r="Q77" s="913"/>
      <c r="R77" s="914"/>
      <c r="S77" s="914"/>
      <c r="T77" s="914"/>
      <c r="U77" s="870"/>
      <c r="V77" s="915"/>
      <c r="W77" s="914"/>
      <c r="X77" s="914"/>
      <c r="Y77" s="914"/>
      <c r="Z77" s="870"/>
      <c r="AA77" s="915"/>
      <c r="AB77" s="914"/>
      <c r="AC77" s="914"/>
      <c r="AD77" s="914"/>
      <c r="AE77" s="870"/>
      <c r="AF77" s="915"/>
      <c r="AG77" s="914"/>
      <c r="AH77" s="914"/>
      <c r="AI77" s="914"/>
      <c r="AJ77" s="870"/>
      <c r="AK77" s="915"/>
      <c r="AL77" s="914"/>
      <c r="AM77" s="914"/>
      <c r="AN77" s="914"/>
      <c r="AO77" s="870"/>
      <c r="AP77" s="915"/>
      <c r="AQ77" s="914"/>
      <c r="AR77" s="914"/>
      <c r="AS77" s="914"/>
      <c r="AT77" s="870"/>
      <c r="AU77" s="915"/>
      <c r="AV77" s="914"/>
      <c r="AW77" s="914"/>
      <c r="AX77" s="914"/>
      <c r="AY77" s="870"/>
      <c r="AZ77" s="868"/>
      <c r="BA77" s="868"/>
      <c r="BB77" s="868"/>
      <c r="BC77" s="868"/>
      <c r="BD77" s="869"/>
      <c r="BE77" s="241"/>
      <c r="BF77" s="241"/>
      <c r="BG77" s="241"/>
      <c r="BH77" s="241"/>
      <c r="BI77" s="241"/>
      <c r="BJ77" s="241"/>
      <c r="BK77" s="241"/>
      <c r="BL77" s="241"/>
      <c r="BM77" s="241"/>
      <c r="BN77" s="241"/>
      <c r="BO77" s="241"/>
      <c r="BP77" s="241"/>
      <c r="BQ77" s="238">
        <v>71</v>
      </c>
      <c r="BR77" s="243"/>
      <c r="BS77" s="895"/>
      <c r="BT77" s="896"/>
      <c r="BU77" s="896"/>
      <c r="BV77" s="896"/>
      <c r="BW77" s="896"/>
      <c r="BX77" s="896"/>
      <c r="BY77" s="896"/>
      <c r="BZ77" s="896"/>
      <c r="CA77" s="896"/>
      <c r="CB77" s="896"/>
      <c r="CC77" s="896"/>
      <c r="CD77" s="896"/>
      <c r="CE77" s="896"/>
      <c r="CF77" s="896"/>
      <c r="CG77" s="901"/>
      <c r="CH77" s="898"/>
      <c r="CI77" s="899"/>
      <c r="CJ77" s="899"/>
      <c r="CK77" s="899"/>
      <c r="CL77" s="900"/>
      <c r="CM77" s="898"/>
      <c r="CN77" s="899"/>
      <c r="CO77" s="899"/>
      <c r="CP77" s="899"/>
      <c r="CQ77" s="900"/>
      <c r="CR77" s="898"/>
      <c r="CS77" s="899"/>
      <c r="CT77" s="899"/>
      <c r="CU77" s="899"/>
      <c r="CV77" s="900"/>
      <c r="CW77" s="898"/>
      <c r="CX77" s="899"/>
      <c r="CY77" s="899"/>
      <c r="CZ77" s="899"/>
      <c r="DA77" s="900"/>
      <c r="DB77" s="898"/>
      <c r="DC77" s="899"/>
      <c r="DD77" s="899"/>
      <c r="DE77" s="899"/>
      <c r="DF77" s="900"/>
      <c r="DG77" s="898"/>
      <c r="DH77" s="899"/>
      <c r="DI77" s="899"/>
      <c r="DJ77" s="899"/>
      <c r="DK77" s="900"/>
      <c r="DL77" s="898"/>
      <c r="DM77" s="899"/>
      <c r="DN77" s="899"/>
      <c r="DO77" s="899"/>
      <c r="DP77" s="900"/>
      <c r="DQ77" s="898"/>
      <c r="DR77" s="899"/>
      <c r="DS77" s="899"/>
      <c r="DT77" s="899"/>
      <c r="DU77" s="900"/>
      <c r="DV77" s="895"/>
      <c r="DW77" s="896"/>
      <c r="DX77" s="896"/>
      <c r="DY77" s="896"/>
      <c r="DZ77" s="897"/>
      <c r="EA77" s="230"/>
    </row>
    <row r="78" spans="1:131" ht="26.25" customHeight="1" x14ac:dyDescent="0.2">
      <c r="A78" s="238">
        <v>11</v>
      </c>
      <c r="B78" s="909"/>
      <c r="C78" s="910"/>
      <c r="D78" s="910"/>
      <c r="E78" s="910"/>
      <c r="F78" s="910"/>
      <c r="G78" s="910"/>
      <c r="H78" s="910"/>
      <c r="I78" s="910"/>
      <c r="J78" s="910"/>
      <c r="K78" s="910"/>
      <c r="L78" s="910"/>
      <c r="M78" s="910"/>
      <c r="N78" s="910"/>
      <c r="O78" s="910"/>
      <c r="P78" s="911"/>
      <c r="Q78" s="912"/>
      <c r="R78" s="866"/>
      <c r="S78" s="866"/>
      <c r="T78" s="866"/>
      <c r="U78" s="866"/>
      <c r="V78" s="866"/>
      <c r="W78" s="866"/>
      <c r="X78" s="866"/>
      <c r="Y78" s="866"/>
      <c r="Z78" s="866"/>
      <c r="AA78" s="866"/>
      <c r="AB78" s="866"/>
      <c r="AC78" s="866"/>
      <c r="AD78" s="866"/>
      <c r="AE78" s="866"/>
      <c r="AF78" s="866"/>
      <c r="AG78" s="866"/>
      <c r="AH78" s="866"/>
      <c r="AI78" s="866"/>
      <c r="AJ78" s="866"/>
      <c r="AK78" s="866"/>
      <c r="AL78" s="866"/>
      <c r="AM78" s="866"/>
      <c r="AN78" s="866"/>
      <c r="AO78" s="866"/>
      <c r="AP78" s="866"/>
      <c r="AQ78" s="866"/>
      <c r="AR78" s="866"/>
      <c r="AS78" s="866"/>
      <c r="AT78" s="866"/>
      <c r="AU78" s="866"/>
      <c r="AV78" s="866"/>
      <c r="AW78" s="866"/>
      <c r="AX78" s="866"/>
      <c r="AY78" s="866"/>
      <c r="AZ78" s="868"/>
      <c r="BA78" s="868"/>
      <c r="BB78" s="868"/>
      <c r="BC78" s="868"/>
      <c r="BD78" s="869"/>
      <c r="BE78" s="241"/>
      <c r="BF78" s="241"/>
      <c r="BG78" s="241"/>
      <c r="BH78" s="241"/>
      <c r="BI78" s="241"/>
      <c r="BJ78" s="230"/>
      <c r="BK78" s="230"/>
      <c r="BL78" s="230"/>
      <c r="BM78" s="230"/>
      <c r="BN78" s="230"/>
      <c r="BO78" s="241"/>
      <c r="BP78" s="241"/>
      <c r="BQ78" s="238">
        <v>72</v>
      </c>
      <c r="BR78" s="243"/>
      <c r="BS78" s="895"/>
      <c r="BT78" s="896"/>
      <c r="BU78" s="896"/>
      <c r="BV78" s="896"/>
      <c r="BW78" s="896"/>
      <c r="BX78" s="896"/>
      <c r="BY78" s="896"/>
      <c r="BZ78" s="896"/>
      <c r="CA78" s="896"/>
      <c r="CB78" s="896"/>
      <c r="CC78" s="896"/>
      <c r="CD78" s="896"/>
      <c r="CE78" s="896"/>
      <c r="CF78" s="896"/>
      <c r="CG78" s="901"/>
      <c r="CH78" s="898"/>
      <c r="CI78" s="899"/>
      <c r="CJ78" s="899"/>
      <c r="CK78" s="899"/>
      <c r="CL78" s="900"/>
      <c r="CM78" s="898"/>
      <c r="CN78" s="899"/>
      <c r="CO78" s="899"/>
      <c r="CP78" s="899"/>
      <c r="CQ78" s="900"/>
      <c r="CR78" s="898"/>
      <c r="CS78" s="899"/>
      <c r="CT78" s="899"/>
      <c r="CU78" s="899"/>
      <c r="CV78" s="900"/>
      <c r="CW78" s="898"/>
      <c r="CX78" s="899"/>
      <c r="CY78" s="899"/>
      <c r="CZ78" s="899"/>
      <c r="DA78" s="900"/>
      <c r="DB78" s="898"/>
      <c r="DC78" s="899"/>
      <c r="DD78" s="899"/>
      <c r="DE78" s="899"/>
      <c r="DF78" s="900"/>
      <c r="DG78" s="898"/>
      <c r="DH78" s="899"/>
      <c r="DI78" s="899"/>
      <c r="DJ78" s="899"/>
      <c r="DK78" s="900"/>
      <c r="DL78" s="898"/>
      <c r="DM78" s="899"/>
      <c r="DN78" s="899"/>
      <c r="DO78" s="899"/>
      <c r="DP78" s="900"/>
      <c r="DQ78" s="898"/>
      <c r="DR78" s="899"/>
      <c r="DS78" s="899"/>
      <c r="DT78" s="899"/>
      <c r="DU78" s="900"/>
      <c r="DV78" s="895"/>
      <c r="DW78" s="896"/>
      <c r="DX78" s="896"/>
      <c r="DY78" s="896"/>
      <c r="DZ78" s="897"/>
      <c r="EA78" s="230"/>
    </row>
    <row r="79" spans="1:131" ht="26.25" customHeight="1" x14ac:dyDescent="0.2">
      <c r="A79" s="238">
        <v>12</v>
      </c>
      <c r="B79" s="909"/>
      <c r="C79" s="910"/>
      <c r="D79" s="910"/>
      <c r="E79" s="910"/>
      <c r="F79" s="910"/>
      <c r="G79" s="910"/>
      <c r="H79" s="910"/>
      <c r="I79" s="910"/>
      <c r="J79" s="910"/>
      <c r="K79" s="910"/>
      <c r="L79" s="910"/>
      <c r="M79" s="910"/>
      <c r="N79" s="910"/>
      <c r="O79" s="910"/>
      <c r="P79" s="911"/>
      <c r="Q79" s="912"/>
      <c r="R79" s="866"/>
      <c r="S79" s="866"/>
      <c r="T79" s="866"/>
      <c r="U79" s="866"/>
      <c r="V79" s="866"/>
      <c r="W79" s="866"/>
      <c r="X79" s="866"/>
      <c r="Y79" s="866"/>
      <c r="Z79" s="866"/>
      <c r="AA79" s="866"/>
      <c r="AB79" s="866"/>
      <c r="AC79" s="866"/>
      <c r="AD79" s="866"/>
      <c r="AE79" s="866"/>
      <c r="AF79" s="866"/>
      <c r="AG79" s="866"/>
      <c r="AH79" s="866"/>
      <c r="AI79" s="866"/>
      <c r="AJ79" s="866"/>
      <c r="AK79" s="866"/>
      <c r="AL79" s="866"/>
      <c r="AM79" s="866"/>
      <c r="AN79" s="866"/>
      <c r="AO79" s="866"/>
      <c r="AP79" s="866"/>
      <c r="AQ79" s="866"/>
      <c r="AR79" s="866"/>
      <c r="AS79" s="866"/>
      <c r="AT79" s="866"/>
      <c r="AU79" s="866"/>
      <c r="AV79" s="866"/>
      <c r="AW79" s="866"/>
      <c r="AX79" s="866"/>
      <c r="AY79" s="866"/>
      <c r="AZ79" s="868"/>
      <c r="BA79" s="868"/>
      <c r="BB79" s="868"/>
      <c r="BC79" s="868"/>
      <c r="BD79" s="869"/>
      <c r="BE79" s="241"/>
      <c r="BF79" s="241"/>
      <c r="BG79" s="241"/>
      <c r="BH79" s="241"/>
      <c r="BI79" s="241"/>
      <c r="BJ79" s="230"/>
      <c r="BK79" s="230"/>
      <c r="BL79" s="230"/>
      <c r="BM79" s="230"/>
      <c r="BN79" s="230"/>
      <c r="BO79" s="241"/>
      <c r="BP79" s="241"/>
      <c r="BQ79" s="238">
        <v>73</v>
      </c>
      <c r="BR79" s="243"/>
      <c r="BS79" s="895"/>
      <c r="BT79" s="896"/>
      <c r="BU79" s="896"/>
      <c r="BV79" s="896"/>
      <c r="BW79" s="896"/>
      <c r="BX79" s="896"/>
      <c r="BY79" s="896"/>
      <c r="BZ79" s="896"/>
      <c r="CA79" s="896"/>
      <c r="CB79" s="896"/>
      <c r="CC79" s="896"/>
      <c r="CD79" s="896"/>
      <c r="CE79" s="896"/>
      <c r="CF79" s="896"/>
      <c r="CG79" s="901"/>
      <c r="CH79" s="898"/>
      <c r="CI79" s="899"/>
      <c r="CJ79" s="899"/>
      <c r="CK79" s="899"/>
      <c r="CL79" s="900"/>
      <c r="CM79" s="898"/>
      <c r="CN79" s="899"/>
      <c r="CO79" s="899"/>
      <c r="CP79" s="899"/>
      <c r="CQ79" s="900"/>
      <c r="CR79" s="898"/>
      <c r="CS79" s="899"/>
      <c r="CT79" s="899"/>
      <c r="CU79" s="899"/>
      <c r="CV79" s="900"/>
      <c r="CW79" s="898"/>
      <c r="CX79" s="899"/>
      <c r="CY79" s="899"/>
      <c r="CZ79" s="899"/>
      <c r="DA79" s="900"/>
      <c r="DB79" s="898"/>
      <c r="DC79" s="899"/>
      <c r="DD79" s="899"/>
      <c r="DE79" s="899"/>
      <c r="DF79" s="900"/>
      <c r="DG79" s="898"/>
      <c r="DH79" s="899"/>
      <c r="DI79" s="899"/>
      <c r="DJ79" s="899"/>
      <c r="DK79" s="900"/>
      <c r="DL79" s="898"/>
      <c r="DM79" s="899"/>
      <c r="DN79" s="899"/>
      <c r="DO79" s="899"/>
      <c r="DP79" s="900"/>
      <c r="DQ79" s="898"/>
      <c r="DR79" s="899"/>
      <c r="DS79" s="899"/>
      <c r="DT79" s="899"/>
      <c r="DU79" s="900"/>
      <c r="DV79" s="895"/>
      <c r="DW79" s="896"/>
      <c r="DX79" s="896"/>
      <c r="DY79" s="896"/>
      <c r="DZ79" s="897"/>
      <c r="EA79" s="230"/>
    </row>
    <row r="80" spans="1:131" ht="26.25" customHeight="1" x14ac:dyDescent="0.2">
      <c r="A80" s="238">
        <v>13</v>
      </c>
      <c r="B80" s="909"/>
      <c r="C80" s="910"/>
      <c r="D80" s="910"/>
      <c r="E80" s="910"/>
      <c r="F80" s="910"/>
      <c r="G80" s="910"/>
      <c r="H80" s="910"/>
      <c r="I80" s="910"/>
      <c r="J80" s="910"/>
      <c r="K80" s="910"/>
      <c r="L80" s="910"/>
      <c r="M80" s="910"/>
      <c r="N80" s="910"/>
      <c r="O80" s="910"/>
      <c r="P80" s="911"/>
      <c r="Q80" s="912"/>
      <c r="R80" s="866"/>
      <c r="S80" s="866"/>
      <c r="T80" s="866"/>
      <c r="U80" s="866"/>
      <c r="V80" s="866"/>
      <c r="W80" s="866"/>
      <c r="X80" s="866"/>
      <c r="Y80" s="866"/>
      <c r="Z80" s="866"/>
      <c r="AA80" s="866"/>
      <c r="AB80" s="866"/>
      <c r="AC80" s="866"/>
      <c r="AD80" s="866"/>
      <c r="AE80" s="866"/>
      <c r="AF80" s="866"/>
      <c r="AG80" s="866"/>
      <c r="AH80" s="866"/>
      <c r="AI80" s="866"/>
      <c r="AJ80" s="866"/>
      <c r="AK80" s="866"/>
      <c r="AL80" s="866"/>
      <c r="AM80" s="866"/>
      <c r="AN80" s="866"/>
      <c r="AO80" s="866"/>
      <c r="AP80" s="866"/>
      <c r="AQ80" s="866"/>
      <c r="AR80" s="866"/>
      <c r="AS80" s="866"/>
      <c r="AT80" s="866"/>
      <c r="AU80" s="866"/>
      <c r="AV80" s="866"/>
      <c r="AW80" s="866"/>
      <c r="AX80" s="866"/>
      <c r="AY80" s="866"/>
      <c r="AZ80" s="868"/>
      <c r="BA80" s="868"/>
      <c r="BB80" s="868"/>
      <c r="BC80" s="868"/>
      <c r="BD80" s="869"/>
      <c r="BE80" s="241"/>
      <c r="BF80" s="241"/>
      <c r="BG80" s="241"/>
      <c r="BH80" s="241"/>
      <c r="BI80" s="241"/>
      <c r="BJ80" s="241"/>
      <c r="BK80" s="241"/>
      <c r="BL80" s="241"/>
      <c r="BM80" s="241"/>
      <c r="BN80" s="241"/>
      <c r="BO80" s="241"/>
      <c r="BP80" s="241"/>
      <c r="BQ80" s="238">
        <v>74</v>
      </c>
      <c r="BR80" s="243"/>
      <c r="BS80" s="895"/>
      <c r="BT80" s="896"/>
      <c r="BU80" s="896"/>
      <c r="BV80" s="896"/>
      <c r="BW80" s="896"/>
      <c r="BX80" s="896"/>
      <c r="BY80" s="896"/>
      <c r="BZ80" s="896"/>
      <c r="CA80" s="896"/>
      <c r="CB80" s="896"/>
      <c r="CC80" s="896"/>
      <c r="CD80" s="896"/>
      <c r="CE80" s="896"/>
      <c r="CF80" s="896"/>
      <c r="CG80" s="901"/>
      <c r="CH80" s="898"/>
      <c r="CI80" s="899"/>
      <c r="CJ80" s="899"/>
      <c r="CK80" s="899"/>
      <c r="CL80" s="900"/>
      <c r="CM80" s="898"/>
      <c r="CN80" s="899"/>
      <c r="CO80" s="899"/>
      <c r="CP80" s="899"/>
      <c r="CQ80" s="900"/>
      <c r="CR80" s="898"/>
      <c r="CS80" s="899"/>
      <c r="CT80" s="899"/>
      <c r="CU80" s="899"/>
      <c r="CV80" s="900"/>
      <c r="CW80" s="898"/>
      <c r="CX80" s="899"/>
      <c r="CY80" s="899"/>
      <c r="CZ80" s="899"/>
      <c r="DA80" s="900"/>
      <c r="DB80" s="898"/>
      <c r="DC80" s="899"/>
      <c r="DD80" s="899"/>
      <c r="DE80" s="899"/>
      <c r="DF80" s="900"/>
      <c r="DG80" s="898"/>
      <c r="DH80" s="899"/>
      <c r="DI80" s="899"/>
      <c r="DJ80" s="899"/>
      <c r="DK80" s="900"/>
      <c r="DL80" s="898"/>
      <c r="DM80" s="899"/>
      <c r="DN80" s="899"/>
      <c r="DO80" s="899"/>
      <c r="DP80" s="900"/>
      <c r="DQ80" s="898"/>
      <c r="DR80" s="899"/>
      <c r="DS80" s="899"/>
      <c r="DT80" s="899"/>
      <c r="DU80" s="900"/>
      <c r="DV80" s="895"/>
      <c r="DW80" s="896"/>
      <c r="DX80" s="896"/>
      <c r="DY80" s="896"/>
      <c r="DZ80" s="897"/>
      <c r="EA80" s="230"/>
    </row>
    <row r="81" spans="1:131" ht="26.25" customHeight="1" x14ac:dyDescent="0.2">
      <c r="A81" s="238">
        <v>14</v>
      </c>
      <c r="B81" s="909"/>
      <c r="C81" s="910"/>
      <c r="D81" s="910"/>
      <c r="E81" s="910"/>
      <c r="F81" s="910"/>
      <c r="G81" s="910"/>
      <c r="H81" s="910"/>
      <c r="I81" s="910"/>
      <c r="J81" s="910"/>
      <c r="K81" s="910"/>
      <c r="L81" s="910"/>
      <c r="M81" s="910"/>
      <c r="N81" s="910"/>
      <c r="O81" s="910"/>
      <c r="P81" s="911"/>
      <c r="Q81" s="912"/>
      <c r="R81" s="866"/>
      <c r="S81" s="866"/>
      <c r="T81" s="866"/>
      <c r="U81" s="866"/>
      <c r="V81" s="866"/>
      <c r="W81" s="866"/>
      <c r="X81" s="866"/>
      <c r="Y81" s="866"/>
      <c r="Z81" s="866"/>
      <c r="AA81" s="866"/>
      <c r="AB81" s="866"/>
      <c r="AC81" s="866"/>
      <c r="AD81" s="866"/>
      <c r="AE81" s="866"/>
      <c r="AF81" s="866"/>
      <c r="AG81" s="866"/>
      <c r="AH81" s="866"/>
      <c r="AI81" s="866"/>
      <c r="AJ81" s="866"/>
      <c r="AK81" s="866"/>
      <c r="AL81" s="866"/>
      <c r="AM81" s="866"/>
      <c r="AN81" s="866"/>
      <c r="AO81" s="866"/>
      <c r="AP81" s="866"/>
      <c r="AQ81" s="866"/>
      <c r="AR81" s="866"/>
      <c r="AS81" s="866"/>
      <c r="AT81" s="866"/>
      <c r="AU81" s="866"/>
      <c r="AV81" s="866"/>
      <c r="AW81" s="866"/>
      <c r="AX81" s="866"/>
      <c r="AY81" s="866"/>
      <c r="AZ81" s="868"/>
      <c r="BA81" s="868"/>
      <c r="BB81" s="868"/>
      <c r="BC81" s="868"/>
      <c r="BD81" s="869"/>
      <c r="BE81" s="241"/>
      <c r="BF81" s="241"/>
      <c r="BG81" s="241"/>
      <c r="BH81" s="241"/>
      <c r="BI81" s="241"/>
      <c r="BJ81" s="241"/>
      <c r="BK81" s="241"/>
      <c r="BL81" s="241"/>
      <c r="BM81" s="241"/>
      <c r="BN81" s="241"/>
      <c r="BO81" s="241"/>
      <c r="BP81" s="241"/>
      <c r="BQ81" s="238">
        <v>75</v>
      </c>
      <c r="BR81" s="243"/>
      <c r="BS81" s="895"/>
      <c r="BT81" s="896"/>
      <c r="BU81" s="896"/>
      <c r="BV81" s="896"/>
      <c r="BW81" s="896"/>
      <c r="BX81" s="896"/>
      <c r="BY81" s="896"/>
      <c r="BZ81" s="896"/>
      <c r="CA81" s="896"/>
      <c r="CB81" s="896"/>
      <c r="CC81" s="896"/>
      <c r="CD81" s="896"/>
      <c r="CE81" s="896"/>
      <c r="CF81" s="896"/>
      <c r="CG81" s="901"/>
      <c r="CH81" s="898"/>
      <c r="CI81" s="899"/>
      <c r="CJ81" s="899"/>
      <c r="CK81" s="899"/>
      <c r="CL81" s="900"/>
      <c r="CM81" s="898"/>
      <c r="CN81" s="899"/>
      <c r="CO81" s="899"/>
      <c r="CP81" s="899"/>
      <c r="CQ81" s="900"/>
      <c r="CR81" s="898"/>
      <c r="CS81" s="899"/>
      <c r="CT81" s="899"/>
      <c r="CU81" s="899"/>
      <c r="CV81" s="900"/>
      <c r="CW81" s="898"/>
      <c r="CX81" s="899"/>
      <c r="CY81" s="899"/>
      <c r="CZ81" s="899"/>
      <c r="DA81" s="900"/>
      <c r="DB81" s="898"/>
      <c r="DC81" s="899"/>
      <c r="DD81" s="899"/>
      <c r="DE81" s="899"/>
      <c r="DF81" s="900"/>
      <c r="DG81" s="898"/>
      <c r="DH81" s="899"/>
      <c r="DI81" s="899"/>
      <c r="DJ81" s="899"/>
      <c r="DK81" s="900"/>
      <c r="DL81" s="898"/>
      <c r="DM81" s="899"/>
      <c r="DN81" s="899"/>
      <c r="DO81" s="899"/>
      <c r="DP81" s="900"/>
      <c r="DQ81" s="898"/>
      <c r="DR81" s="899"/>
      <c r="DS81" s="899"/>
      <c r="DT81" s="899"/>
      <c r="DU81" s="900"/>
      <c r="DV81" s="895"/>
      <c r="DW81" s="896"/>
      <c r="DX81" s="896"/>
      <c r="DY81" s="896"/>
      <c r="DZ81" s="897"/>
      <c r="EA81" s="230"/>
    </row>
    <row r="82" spans="1:131" ht="26.25" customHeight="1" x14ac:dyDescent="0.2">
      <c r="A82" s="238">
        <v>15</v>
      </c>
      <c r="B82" s="909"/>
      <c r="C82" s="910"/>
      <c r="D82" s="910"/>
      <c r="E82" s="910"/>
      <c r="F82" s="910"/>
      <c r="G82" s="910"/>
      <c r="H82" s="910"/>
      <c r="I82" s="910"/>
      <c r="J82" s="910"/>
      <c r="K82" s="910"/>
      <c r="L82" s="910"/>
      <c r="M82" s="910"/>
      <c r="N82" s="910"/>
      <c r="O82" s="910"/>
      <c r="P82" s="911"/>
      <c r="Q82" s="912"/>
      <c r="R82" s="866"/>
      <c r="S82" s="866"/>
      <c r="T82" s="866"/>
      <c r="U82" s="866"/>
      <c r="V82" s="866"/>
      <c r="W82" s="866"/>
      <c r="X82" s="866"/>
      <c r="Y82" s="866"/>
      <c r="Z82" s="866"/>
      <c r="AA82" s="866"/>
      <c r="AB82" s="866"/>
      <c r="AC82" s="866"/>
      <c r="AD82" s="866"/>
      <c r="AE82" s="866"/>
      <c r="AF82" s="866"/>
      <c r="AG82" s="866"/>
      <c r="AH82" s="866"/>
      <c r="AI82" s="866"/>
      <c r="AJ82" s="866"/>
      <c r="AK82" s="866"/>
      <c r="AL82" s="866"/>
      <c r="AM82" s="866"/>
      <c r="AN82" s="866"/>
      <c r="AO82" s="866"/>
      <c r="AP82" s="866"/>
      <c r="AQ82" s="866"/>
      <c r="AR82" s="866"/>
      <c r="AS82" s="866"/>
      <c r="AT82" s="866"/>
      <c r="AU82" s="866"/>
      <c r="AV82" s="866"/>
      <c r="AW82" s="866"/>
      <c r="AX82" s="866"/>
      <c r="AY82" s="866"/>
      <c r="AZ82" s="868"/>
      <c r="BA82" s="868"/>
      <c r="BB82" s="868"/>
      <c r="BC82" s="868"/>
      <c r="BD82" s="869"/>
      <c r="BE82" s="241"/>
      <c r="BF82" s="241"/>
      <c r="BG82" s="241"/>
      <c r="BH82" s="241"/>
      <c r="BI82" s="241"/>
      <c r="BJ82" s="241"/>
      <c r="BK82" s="241"/>
      <c r="BL82" s="241"/>
      <c r="BM82" s="241"/>
      <c r="BN82" s="241"/>
      <c r="BO82" s="241"/>
      <c r="BP82" s="241"/>
      <c r="BQ82" s="238">
        <v>76</v>
      </c>
      <c r="BR82" s="243"/>
      <c r="BS82" s="895"/>
      <c r="BT82" s="896"/>
      <c r="BU82" s="896"/>
      <c r="BV82" s="896"/>
      <c r="BW82" s="896"/>
      <c r="BX82" s="896"/>
      <c r="BY82" s="896"/>
      <c r="BZ82" s="896"/>
      <c r="CA82" s="896"/>
      <c r="CB82" s="896"/>
      <c r="CC82" s="896"/>
      <c r="CD82" s="896"/>
      <c r="CE82" s="896"/>
      <c r="CF82" s="896"/>
      <c r="CG82" s="901"/>
      <c r="CH82" s="898"/>
      <c r="CI82" s="899"/>
      <c r="CJ82" s="899"/>
      <c r="CK82" s="899"/>
      <c r="CL82" s="900"/>
      <c r="CM82" s="898"/>
      <c r="CN82" s="899"/>
      <c r="CO82" s="899"/>
      <c r="CP82" s="899"/>
      <c r="CQ82" s="900"/>
      <c r="CR82" s="898"/>
      <c r="CS82" s="899"/>
      <c r="CT82" s="899"/>
      <c r="CU82" s="899"/>
      <c r="CV82" s="900"/>
      <c r="CW82" s="898"/>
      <c r="CX82" s="899"/>
      <c r="CY82" s="899"/>
      <c r="CZ82" s="899"/>
      <c r="DA82" s="900"/>
      <c r="DB82" s="898"/>
      <c r="DC82" s="899"/>
      <c r="DD82" s="899"/>
      <c r="DE82" s="899"/>
      <c r="DF82" s="900"/>
      <c r="DG82" s="898"/>
      <c r="DH82" s="899"/>
      <c r="DI82" s="899"/>
      <c r="DJ82" s="899"/>
      <c r="DK82" s="900"/>
      <c r="DL82" s="898"/>
      <c r="DM82" s="899"/>
      <c r="DN82" s="899"/>
      <c r="DO82" s="899"/>
      <c r="DP82" s="900"/>
      <c r="DQ82" s="898"/>
      <c r="DR82" s="899"/>
      <c r="DS82" s="899"/>
      <c r="DT82" s="899"/>
      <c r="DU82" s="900"/>
      <c r="DV82" s="895"/>
      <c r="DW82" s="896"/>
      <c r="DX82" s="896"/>
      <c r="DY82" s="896"/>
      <c r="DZ82" s="897"/>
      <c r="EA82" s="230"/>
    </row>
    <row r="83" spans="1:131" ht="26.25" customHeight="1" x14ac:dyDescent="0.2">
      <c r="A83" s="238">
        <v>16</v>
      </c>
      <c r="B83" s="909"/>
      <c r="C83" s="910"/>
      <c r="D83" s="910"/>
      <c r="E83" s="910"/>
      <c r="F83" s="910"/>
      <c r="G83" s="910"/>
      <c r="H83" s="910"/>
      <c r="I83" s="910"/>
      <c r="J83" s="910"/>
      <c r="K83" s="910"/>
      <c r="L83" s="910"/>
      <c r="M83" s="910"/>
      <c r="N83" s="910"/>
      <c r="O83" s="910"/>
      <c r="P83" s="911"/>
      <c r="Q83" s="912"/>
      <c r="R83" s="866"/>
      <c r="S83" s="866"/>
      <c r="T83" s="866"/>
      <c r="U83" s="866"/>
      <c r="V83" s="866"/>
      <c r="W83" s="866"/>
      <c r="X83" s="866"/>
      <c r="Y83" s="866"/>
      <c r="Z83" s="866"/>
      <c r="AA83" s="866"/>
      <c r="AB83" s="866"/>
      <c r="AC83" s="866"/>
      <c r="AD83" s="866"/>
      <c r="AE83" s="866"/>
      <c r="AF83" s="866"/>
      <c r="AG83" s="866"/>
      <c r="AH83" s="866"/>
      <c r="AI83" s="866"/>
      <c r="AJ83" s="866"/>
      <c r="AK83" s="866"/>
      <c r="AL83" s="866"/>
      <c r="AM83" s="866"/>
      <c r="AN83" s="866"/>
      <c r="AO83" s="866"/>
      <c r="AP83" s="866"/>
      <c r="AQ83" s="866"/>
      <c r="AR83" s="866"/>
      <c r="AS83" s="866"/>
      <c r="AT83" s="866"/>
      <c r="AU83" s="866"/>
      <c r="AV83" s="866"/>
      <c r="AW83" s="866"/>
      <c r="AX83" s="866"/>
      <c r="AY83" s="866"/>
      <c r="AZ83" s="868"/>
      <c r="BA83" s="868"/>
      <c r="BB83" s="868"/>
      <c r="BC83" s="868"/>
      <c r="BD83" s="869"/>
      <c r="BE83" s="241"/>
      <c r="BF83" s="241"/>
      <c r="BG83" s="241"/>
      <c r="BH83" s="241"/>
      <c r="BI83" s="241"/>
      <c r="BJ83" s="241"/>
      <c r="BK83" s="241"/>
      <c r="BL83" s="241"/>
      <c r="BM83" s="241"/>
      <c r="BN83" s="241"/>
      <c r="BO83" s="241"/>
      <c r="BP83" s="241"/>
      <c r="BQ83" s="238">
        <v>77</v>
      </c>
      <c r="BR83" s="243"/>
      <c r="BS83" s="895"/>
      <c r="BT83" s="896"/>
      <c r="BU83" s="896"/>
      <c r="BV83" s="896"/>
      <c r="BW83" s="896"/>
      <c r="BX83" s="896"/>
      <c r="BY83" s="896"/>
      <c r="BZ83" s="896"/>
      <c r="CA83" s="896"/>
      <c r="CB83" s="896"/>
      <c r="CC83" s="896"/>
      <c r="CD83" s="896"/>
      <c r="CE83" s="896"/>
      <c r="CF83" s="896"/>
      <c r="CG83" s="901"/>
      <c r="CH83" s="898"/>
      <c r="CI83" s="899"/>
      <c r="CJ83" s="899"/>
      <c r="CK83" s="899"/>
      <c r="CL83" s="900"/>
      <c r="CM83" s="898"/>
      <c r="CN83" s="899"/>
      <c r="CO83" s="899"/>
      <c r="CP83" s="899"/>
      <c r="CQ83" s="900"/>
      <c r="CR83" s="898"/>
      <c r="CS83" s="899"/>
      <c r="CT83" s="899"/>
      <c r="CU83" s="899"/>
      <c r="CV83" s="900"/>
      <c r="CW83" s="898"/>
      <c r="CX83" s="899"/>
      <c r="CY83" s="899"/>
      <c r="CZ83" s="899"/>
      <c r="DA83" s="900"/>
      <c r="DB83" s="898"/>
      <c r="DC83" s="899"/>
      <c r="DD83" s="899"/>
      <c r="DE83" s="899"/>
      <c r="DF83" s="900"/>
      <c r="DG83" s="898"/>
      <c r="DH83" s="899"/>
      <c r="DI83" s="899"/>
      <c r="DJ83" s="899"/>
      <c r="DK83" s="900"/>
      <c r="DL83" s="898"/>
      <c r="DM83" s="899"/>
      <c r="DN83" s="899"/>
      <c r="DO83" s="899"/>
      <c r="DP83" s="900"/>
      <c r="DQ83" s="898"/>
      <c r="DR83" s="899"/>
      <c r="DS83" s="899"/>
      <c r="DT83" s="899"/>
      <c r="DU83" s="900"/>
      <c r="DV83" s="895"/>
      <c r="DW83" s="896"/>
      <c r="DX83" s="896"/>
      <c r="DY83" s="896"/>
      <c r="DZ83" s="897"/>
      <c r="EA83" s="230"/>
    </row>
    <row r="84" spans="1:131" ht="26.25" customHeight="1" x14ac:dyDescent="0.2">
      <c r="A84" s="238">
        <v>17</v>
      </c>
      <c r="B84" s="909"/>
      <c r="C84" s="910"/>
      <c r="D84" s="910"/>
      <c r="E84" s="910"/>
      <c r="F84" s="910"/>
      <c r="G84" s="910"/>
      <c r="H84" s="910"/>
      <c r="I84" s="910"/>
      <c r="J84" s="910"/>
      <c r="K84" s="910"/>
      <c r="L84" s="910"/>
      <c r="M84" s="910"/>
      <c r="N84" s="910"/>
      <c r="O84" s="910"/>
      <c r="P84" s="911"/>
      <c r="Q84" s="912"/>
      <c r="R84" s="866"/>
      <c r="S84" s="866"/>
      <c r="T84" s="866"/>
      <c r="U84" s="866"/>
      <c r="V84" s="866"/>
      <c r="W84" s="866"/>
      <c r="X84" s="866"/>
      <c r="Y84" s="866"/>
      <c r="Z84" s="866"/>
      <c r="AA84" s="866"/>
      <c r="AB84" s="866"/>
      <c r="AC84" s="866"/>
      <c r="AD84" s="866"/>
      <c r="AE84" s="866"/>
      <c r="AF84" s="866"/>
      <c r="AG84" s="866"/>
      <c r="AH84" s="866"/>
      <c r="AI84" s="866"/>
      <c r="AJ84" s="866"/>
      <c r="AK84" s="866"/>
      <c r="AL84" s="866"/>
      <c r="AM84" s="866"/>
      <c r="AN84" s="866"/>
      <c r="AO84" s="866"/>
      <c r="AP84" s="866"/>
      <c r="AQ84" s="866"/>
      <c r="AR84" s="866"/>
      <c r="AS84" s="866"/>
      <c r="AT84" s="866"/>
      <c r="AU84" s="866"/>
      <c r="AV84" s="866"/>
      <c r="AW84" s="866"/>
      <c r="AX84" s="866"/>
      <c r="AY84" s="866"/>
      <c r="AZ84" s="868"/>
      <c r="BA84" s="868"/>
      <c r="BB84" s="868"/>
      <c r="BC84" s="868"/>
      <c r="BD84" s="869"/>
      <c r="BE84" s="241"/>
      <c r="BF84" s="241"/>
      <c r="BG84" s="241"/>
      <c r="BH84" s="241"/>
      <c r="BI84" s="241"/>
      <c r="BJ84" s="241"/>
      <c r="BK84" s="241"/>
      <c r="BL84" s="241"/>
      <c r="BM84" s="241"/>
      <c r="BN84" s="241"/>
      <c r="BO84" s="241"/>
      <c r="BP84" s="241"/>
      <c r="BQ84" s="238">
        <v>78</v>
      </c>
      <c r="BR84" s="243"/>
      <c r="BS84" s="895"/>
      <c r="BT84" s="896"/>
      <c r="BU84" s="896"/>
      <c r="BV84" s="896"/>
      <c r="BW84" s="896"/>
      <c r="BX84" s="896"/>
      <c r="BY84" s="896"/>
      <c r="BZ84" s="896"/>
      <c r="CA84" s="896"/>
      <c r="CB84" s="896"/>
      <c r="CC84" s="896"/>
      <c r="CD84" s="896"/>
      <c r="CE84" s="896"/>
      <c r="CF84" s="896"/>
      <c r="CG84" s="901"/>
      <c r="CH84" s="898"/>
      <c r="CI84" s="899"/>
      <c r="CJ84" s="899"/>
      <c r="CK84" s="899"/>
      <c r="CL84" s="900"/>
      <c r="CM84" s="898"/>
      <c r="CN84" s="899"/>
      <c r="CO84" s="899"/>
      <c r="CP84" s="899"/>
      <c r="CQ84" s="900"/>
      <c r="CR84" s="898"/>
      <c r="CS84" s="899"/>
      <c r="CT84" s="899"/>
      <c r="CU84" s="899"/>
      <c r="CV84" s="900"/>
      <c r="CW84" s="898"/>
      <c r="CX84" s="899"/>
      <c r="CY84" s="899"/>
      <c r="CZ84" s="899"/>
      <c r="DA84" s="900"/>
      <c r="DB84" s="898"/>
      <c r="DC84" s="899"/>
      <c r="DD84" s="899"/>
      <c r="DE84" s="899"/>
      <c r="DF84" s="900"/>
      <c r="DG84" s="898"/>
      <c r="DH84" s="899"/>
      <c r="DI84" s="899"/>
      <c r="DJ84" s="899"/>
      <c r="DK84" s="900"/>
      <c r="DL84" s="898"/>
      <c r="DM84" s="899"/>
      <c r="DN84" s="899"/>
      <c r="DO84" s="899"/>
      <c r="DP84" s="900"/>
      <c r="DQ84" s="898"/>
      <c r="DR84" s="899"/>
      <c r="DS84" s="899"/>
      <c r="DT84" s="899"/>
      <c r="DU84" s="900"/>
      <c r="DV84" s="895"/>
      <c r="DW84" s="896"/>
      <c r="DX84" s="896"/>
      <c r="DY84" s="896"/>
      <c r="DZ84" s="897"/>
      <c r="EA84" s="230"/>
    </row>
    <row r="85" spans="1:131" ht="26.25" customHeight="1" x14ac:dyDescent="0.2">
      <c r="A85" s="238">
        <v>18</v>
      </c>
      <c r="B85" s="909"/>
      <c r="C85" s="910"/>
      <c r="D85" s="910"/>
      <c r="E85" s="910"/>
      <c r="F85" s="910"/>
      <c r="G85" s="910"/>
      <c r="H85" s="910"/>
      <c r="I85" s="910"/>
      <c r="J85" s="910"/>
      <c r="K85" s="910"/>
      <c r="L85" s="910"/>
      <c r="M85" s="910"/>
      <c r="N85" s="910"/>
      <c r="O85" s="910"/>
      <c r="P85" s="911"/>
      <c r="Q85" s="912"/>
      <c r="R85" s="866"/>
      <c r="S85" s="866"/>
      <c r="T85" s="866"/>
      <c r="U85" s="866"/>
      <c r="V85" s="866"/>
      <c r="W85" s="866"/>
      <c r="X85" s="866"/>
      <c r="Y85" s="866"/>
      <c r="Z85" s="866"/>
      <c r="AA85" s="866"/>
      <c r="AB85" s="866"/>
      <c r="AC85" s="866"/>
      <c r="AD85" s="866"/>
      <c r="AE85" s="866"/>
      <c r="AF85" s="866"/>
      <c r="AG85" s="866"/>
      <c r="AH85" s="866"/>
      <c r="AI85" s="866"/>
      <c r="AJ85" s="866"/>
      <c r="AK85" s="866"/>
      <c r="AL85" s="866"/>
      <c r="AM85" s="866"/>
      <c r="AN85" s="866"/>
      <c r="AO85" s="866"/>
      <c r="AP85" s="866"/>
      <c r="AQ85" s="866"/>
      <c r="AR85" s="866"/>
      <c r="AS85" s="866"/>
      <c r="AT85" s="866"/>
      <c r="AU85" s="866"/>
      <c r="AV85" s="866"/>
      <c r="AW85" s="866"/>
      <c r="AX85" s="866"/>
      <c r="AY85" s="866"/>
      <c r="AZ85" s="868"/>
      <c r="BA85" s="868"/>
      <c r="BB85" s="868"/>
      <c r="BC85" s="868"/>
      <c r="BD85" s="869"/>
      <c r="BE85" s="241"/>
      <c r="BF85" s="241"/>
      <c r="BG85" s="241"/>
      <c r="BH85" s="241"/>
      <c r="BI85" s="241"/>
      <c r="BJ85" s="241"/>
      <c r="BK85" s="241"/>
      <c r="BL85" s="241"/>
      <c r="BM85" s="241"/>
      <c r="BN85" s="241"/>
      <c r="BO85" s="241"/>
      <c r="BP85" s="241"/>
      <c r="BQ85" s="238">
        <v>79</v>
      </c>
      <c r="BR85" s="243"/>
      <c r="BS85" s="895"/>
      <c r="BT85" s="896"/>
      <c r="BU85" s="896"/>
      <c r="BV85" s="896"/>
      <c r="BW85" s="896"/>
      <c r="BX85" s="896"/>
      <c r="BY85" s="896"/>
      <c r="BZ85" s="896"/>
      <c r="CA85" s="896"/>
      <c r="CB85" s="896"/>
      <c r="CC85" s="896"/>
      <c r="CD85" s="896"/>
      <c r="CE85" s="896"/>
      <c r="CF85" s="896"/>
      <c r="CG85" s="901"/>
      <c r="CH85" s="898"/>
      <c r="CI85" s="899"/>
      <c r="CJ85" s="899"/>
      <c r="CK85" s="899"/>
      <c r="CL85" s="900"/>
      <c r="CM85" s="898"/>
      <c r="CN85" s="899"/>
      <c r="CO85" s="899"/>
      <c r="CP85" s="899"/>
      <c r="CQ85" s="900"/>
      <c r="CR85" s="898"/>
      <c r="CS85" s="899"/>
      <c r="CT85" s="899"/>
      <c r="CU85" s="899"/>
      <c r="CV85" s="900"/>
      <c r="CW85" s="898"/>
      <c r="CX85" s="899"/>
      <c r="CY85" s="899"/>
      <c r="CZ85" s="899"/>
      <c r="DA85" s="900"/>
      <c r="DB85" s="898"/>
      <c r="DC85" s="899"/>
      <c r="DD85" s="899"/>
      <c r="DE85" s="899"/>
      <c r="DF85" s="900"/>
      <c r="DG85" s="898"/>
      <c r="DH85" s="899"/>
      <c r="DI85" s="899"/>
      <c r="DJ85" s="899"/>
      <c r="DK85" s="900"/>
      <c r="DL85" s="898"/>
      <c r="DM85" s="899"/>
      <c r="DN85" s="899"/>
      <c r="DO85" s="899"/>
      <c r="DP85" s="900"/>
      <c r="DQ85" s="898"/>
      <c r="DR85" s="899"/>
      <c r="DS85" s="899"/>
      <c r="DT85" s="899"/>
      <c r="DU85" s="900"/>
      <c r="DV85" s="895"/>
      <c r="DW85" s="896"/>
      <c r="DX85" s="896"/>
      <c r="DY85" s="896"/>
      <c r="DZ85" s="897"/>
      <c r="EA85" s="230"/>
    </row>
    <row r="86" spans="1:131" ht="26.25" customHeight="1" x14ac:dyDescent="0.2">
      <c r="A86" s="238">
        <v>19</v>
      </c>
      <c r="B86" s="909"/>
      <c r="C86" s="910"/>
      <c r="D86" s="910"/>
      <c r="E86" s="910"/>
      <c r="F86" s="910"/>
      <c r="G86" s="910"/>
      <c r="H86" s="910"/>
      <c r="I86" s="910"/>
      <c r="J86" s="910"/>
      <c r="K86" s="910"/>
      <c r="L86" s="910"/>
      <c r="M86" s="910"/>
      <c r="N86" s="910"/>
      <c r="O86" s="910"/>
      <c r="P86" s="911"/>
      <c r="Q86" s="912"/>
      <c r="R86" s="866"/>
      <c r="S86" s="866"/>
      <c r="T86" s="866"/>
      <c r="U86" s="866"/>
      <c r="V86" s="866"/>
      <c r="W86" s="866"/>
      <c r="X86" s="866"/>
      <c r="Y86" s="866"/>
      <c r="Z86" s="866"/>
      <c r="AA86" s="866"/>
      <c r="AB86" s="866"/>
      <c r="AC86" s="866"/>
      <c r="AD86" s="866"/>
      <c r="AE86" s="866"/>
      <c r="AF86" s="866"/>
      <c r="AG86" s="866"/>
      <c r="AH86" s="866"/>
      <c r="AI86" s="866"/>
      <c r="AJ86" s="866"/>
      <c r="AK86" s="866"/>
      <c r="AL86" s="866"/>
      <c r="AM86" s="866"/>
      <c r="AN86" s="866"/>
      <c r="AO86" s="866"/>
      <c r="AP86" s="866"/>
      <c r="AQ86" s="866"/>
      <c r="AR86" s="866"/>
      <c r="AS86" s="866"/>
      <c r="AT86" s="866"/>
      <c r="AU86" s="866"/>
      <c r="AV86" s="866"/>
      <c r="AW86" s="866"/>
      <c r="AX86" s="866"/>
      <c r="AY86" s="866"/>
      <c r="AZ86" s="868"/>
      <c r="BA86" s="868"/>
      <c r="BB86" s="868"/>
      <c r="BC86" s="868"/>
      <c r="BD86" s="869"/>
      <c r="BE86" s="241"/>
      <c r="BF86" s="241"/>
      <c r="BG86" s="241"/>
      <c r="BH86" s="241"/>
      <c r="BI86" s="241"/>
      <c r="BJ86" s="241"/>
      <c r="BK86" s="241"/>
      <c r="BL86" s="241"/>
      <c r="BM86" s="241"/>
      <c r="BN86" s="241"/>
      <c r="BO86" s="241"/>
      <c r="BP86" s="241"/>
      <c r="BQ86" s="238">
        <v>80</v>
      </c>
      <c r="BR86" s="243"/>
      <c r="BS86" s="895"/>
      <c r="BT86" s="896"/>
      <c r="BU86" s="896"/>
      <c r="BV86" s="896"/>
      <c r="BW86" s="896"/>
      <c r="BX86" s="896"/>
      <c r="BY86" s="896"/>
      <c r="BZ86" s="896"/>
      <c r="CA86" s="896"/>
      <c r="CB86" s="896"/>
      <c r="CC86" s="896"/>
      <c r="CD86" s="896"/>
      <c r="CE86" s="896"/>
      <c r="CF86" s="896"/>
      <c r="CG86" s="901"/>
      <c r="CH86" s="898"/>
      <c r="CI86" s="899"/>
      <c r="CJ86" s="899"/>
      <c r="CK86" s="899"/>
      <c r="CL86" s="900"/>
      <c r="CM86" s="898"/>
      <c r="CN86" s="899"/>
      <c r="CO86" s="899"/>
      <c r="CP86" s="899"/>
      <c r="CQ86" s="900"/>
      <c r="CR86" s="898"/>
      <c r="CS86" s="899"/>
      <c r="CT86" s="899"/>
      <c r="CU86" s="899"/>
      <c r="CV86" s="900"/>
      <c r="CW86" s="898"/>
      <c r="CX86" s="899"/>
      <c r="CY86" s="899"/>
      <c r="CZ86" s="899"/>
      <c r="DA86" s="900"/>
      <c r="DB86" s="898"/>
      <c r="DC86" s="899"/>
      <c r="DD86" s="899"/>
      <c r="DE86" s="899"/>
      <c r="DF86" s="900"/>
      <c r="DG86" s="898"/>
      <c r="DH86" s="899"/>
      <c r="DI86" s="899"/>
      <c r="DJ86" s="899"/>
      <c r="DK86" s="900"/>
      <c r="DL86" s="898"/>
      <c r="DM86" s="899"/>
      <c r="DN86" s="899"/>
      <c r="DO86" s="899"/>
      <c r="DP86" s="900"/>
      <c r="DQ86" s="898"/>
      <c r="DR86" s="899"/>
      <c r="DS86" s="899"/>
      <c r="DT86" s="899"/>
      <c r="DU86" s="900"/>
      <c r="DV86" s="895"/>
      <c r="DW86" s="896"/>
      <c r="DX86" s="896"/>
      <c r="DY86" s="896"/>
      <c r="DZ86" s="897"/>
      <c r="EA86" s="230"/>
    </row>
    <row r="87" spans="1:131" ht="26.25" customHeight="1" x14ac:dyDescent="0.2">
      <c r="A87" s="244">
        <v>20</v>
      </c>
      <c r="B87" s="916"/>
      <c r="C87" s="917"/>
      <c r="D87" s="917"/>
      <c r="E87" s="917"/>
      <c r="F87" s="917"/>
      <c r="G87" s="917"/>
      <c r="H87" s="917"/>
      <c r="I87" s="917"/>
      <c r="J87" s="917"/>
      <c r="K87" s="917"/>
      <c r="L87" s="917"/>
      <c r="M87" s="917"/>
      <c r="N87" s="917"/>
      <c r="O87" s="917"/>
      <c r="P87" s="918"/>
      <c r="Q87" s="919"/>
      <c r="R87" s="920"/>
      <c r="S87" s="920"/>
      <c r="T87" s="920"/>
      <c r="U87" s="920"/>
      <c r="V87" s="920"/>
      <c r="W87" s="920"/>
      <c r="X87" s="920"/>
      <c r="Y87" s="920"/>
      <c r="Z87" s="920"/>
      <c r="AA87" s="920"/>
      <c r="AB87" s="920"/>
      <c r="AC87" s="920"/>
      <c r="AD87" s="920"/>
      <c r="AE87" s="920"/>
      <c r="AF87" s="920"/>
      <c r="AG87" s="920"/>
      <c r="AH87" s="920"/>
      <c r="AI87" s="920"/>
      <c r="AJ87" s="920"/>
      <c r="AK87" s="920"/>
      <c r="AL87" s="920"/>
      <c r="AM87" s="920"/>
      <c r="AN87" s="920"/>
      <c r="AO87" s="920"/>
      <c r="AP87" s="920"/>
      <c r="AQ87" s="920"/>
      <c r="AR87" s="920"/>
      <c r="AS87" s="920"/>
      <c r="AT87" s="920"/>
      <c r="AU87" s="920"/>
      <c r="AV87" s="920"/>
      <c r="AW87" s="920"/>
      <c r="AX87" s="920"/>
      <c r="AY87" s="920"/>
      <c r="AZ87" s="921"/>
      <c r="BA87" s="921"/>
      <c r="BB87" s="921"/>
      <c r="BC87" s="921"/>
      <c r="BD87" s="922"/>
      <c r="BE87" s="241"/>
      <c r="BF87" s="241"/>
      <c r="BG87" s="241"/>
      <c r="BH87" s="241"/>
      <c r="BI87" s="241"/>
      <c r="BJ87" s="241"/>
      <c r="BK87" s="241"/>
      <c r="BL87" s="241"/>
      <c r="BM87" s="241"/>
      <c r="BN87" s="241"/>
      <c r="BO87" s="241"/>
      <c r="BP87" s="241"/>
      <c r="BQ87" s="238">
        <v>81</v>
      </c>
      <c r="BR87" s="243"/>
      <c r="BS87" s="895"/>
      <c r="BT87" s="896"/>
      <c r="BU87" s="896"/>
      <c r="BV87" s="896"/>
      <c r="BW87" s="896"/>
      <c r="BX87" s="896"/>
      <c r="BY87" s="896"/>
      <c r="BZ87" s="896"/>
      <c r="CA87" s="896"/>
      <c r="CB87" s="896"/>
      <c r="CC87" s="896"/>
      <c r="CD87" s="896"/>
      <c r="CE87" s="896"/>
      <c r="CF87" s="896"/>
      <c r="CG87" s="901"/>
      <c r="CH87" s="898"/>
      <c r="CI87" s="899"/>
      <c r="CJ87" s="899"/>
      <c r="CK87" s="899"/>
      <c r="CL87" s="900"/>
      <c r="CM87" s="898"/>
      <c r="CN87" s="899"/>
      <c r="CO87" s="899"/>
      <c r="CP87" s="899"/>
      <c r="CQ87" s="900"/>
      <c r="CR87" s="898"/>
      <c r="CS87" s="899"/>
      <c r="CT87" s="899"/>
      <c r="CU87" s="899"/>
      <c r="CV87" s="900"/>
      <c r="CW87" s="898"/>
      <c r="CX87" s="899"/>
      <c r="CY87" s="899"/>
      <c r="CZ87" s="899"/>
      <c r="DA87" s="900"/>
      <c r="DB87" s="898"/>
      <c r="DC87" s="899"/>
      <c r="DD87" s="899"/>
      <c r="DE87" s="899"/>
      <c r="DF87" s="900"/>
      <c r="DG87" s="898"/>
      <c r="DH87" s="899"/>
      <c r="DI87" s="899"/>
      <c r="DJ87" s="899"/>
      <c r="DK87" s="900"/>
      <c r="DL87" s="898"/>
      <c r="DM87" s="899"/>
      <c r="DN87" s="899"/>
      <c r="DO87" s="899"/>
      <c r="DP87" s="900"/>
      <c r="DQ87" s="898"/>
      <c r="DR87" s="899"/>
      <c r="DS87" s="899"/>
      <c r="DT87" s="899"/>
      <c r="DU87" s="900"/>
      <c r="DV87" s="895"/>
      <c r="DW87" s="896"/>
      <c r="DX87" s="896"/>
      <c r="DY87" s="896"/>
      <c r="DZ87" s="897"/>
      <c r="EA87" s="230"/>
    </row>
    <row r="88" spans="1:131" ht="26.25" customHeight="1" thickBot="1" x14ac:dyDescent="0.25">
      <c r="A88" s="240" t="s">
        <v>390</v>
      </c>
      <c r="B88" s="825" t="s">
        <v>420</v>
      </c>
      <c r="C88" s="826"/>
      <c r="D88" s="826"/>
      <c r="E88" s="826"/>
      <c r="F88" s="826"/>
      <c r="G88" s="826"/>
      <c r="H88" s="826"/>
      <c r="I88" s="826"/>
      <c r="J88" s="826"/>
      <c r="K88" s="826"/>
      <c r="L88" s="826"/>
      <c r="M88" s="826"/>
      <c r="N88" s="826"/>
      <c r="O88" s="826"/>
      <c r="P88" s="827"/>
      <c r="Q88" s="876"/>
      <c r="R88" s="877"/>
      <c r="S88" s="877"/>
      <c r="T88" s="877"/>
      <c r="U88" s="877"/>
      <c r="V88" s="877"/>
      <c r="W88" s="877"/>
      <c r="X88" s="877"/>
      <c r="Y88" s="877"/>
      <c r="Z88" s="877"/>
      <c r="AA88" s="877"/>
      <c r="AB88" s="877"/>
      <c r="AC88" s="877"/>
      <c r="AD88" s="877"/>
      <c r="AE88" s="877"/>
      <c r="AF88" s="880">
        <v>11746</v>
      </c>
      <c r="AG88" s="880"/>
      <c r="AH88" s="880"/>
      <c r="AI88" s="880"/>
      <c r="AJ88" s="880"/>
      <c r="AK88" s="877"/>
      <c r="AL88" s="877"/>
      <c r="AM88" s="877"/>
      <c r="AN88" s="877"/>
      <c r="AO88" s="877"/>
      <c r="AP88" s="880" t="s">
        <v>507</v>
      </c>
      <c r="AQ88" s="880"/>
      <c r="AR88" s="880"/>
      <c r="AS88" s="880"/>
      <c r="AT88" s="880"/>
      <c r="AU88" s="880" t="s">
        <v>507</v>
      </c>
      <c r="AV88" s="880"/>
      <c r="AW88" s="880"/>
      <c r="AX88" s="880"/>
      <c r="AY88" s="880"/>
      <c r="AZ88" s="885"/>
      <c r="BA88" s="885"/>
      <c r="BB88" s="885"/>
      <c r="BC88" s="885"/>
      <c r="BD88" s="886"/>
      <c r="BE88" s="241"/>
      <c r="BF88" s="241"/>
      <c r="BG88" s="241"/>
      <c r="BH88" s="241"/>
      <c r="BI88" s="241"/>
      <c r="BJ88" s="241"/>
      <c r="BK88" s="241"/>
      <c r="BL88" s="241"/>
      <c r="BM88" s="241"/>
      <c r="BN88" s="241"/>
      <c r="BO88" s="241"/>
      <c r="BP88" s="241"/>
      <c r="BQ88" s="238">
        <v>82</v>
      </c>
      <c r="BR88" s="243"/>
      <c r="BS88" s="895"/>
      <c r="BT88" s="896"/>
      <c r="BU88" s="896"/>
      <c r="BV88" s="896"/>
      <c r="BW88" s="896"/>
      <c r="BX88" s="896"/>
      <c r="BY88" s="896"/>
      <c r="BZ88" s="896"/>
      <c r="CA88" s="896"/>
      <c r="CB88" s="896"/>
      <c r="CC88" s="896"/>
      <c r="CD88" s="896"/>
      <c r="CE88" s="896"/>
      <c r="CF88" s="896"/>
      <c r="CG88" s="901"/>
      <c r="CH88" s="898"/>
      <c r="CI88" s="899"/>
      <c r="CJ88" s="899"/>
      <c r="CK88" s="899"/>
      <c r="CL88" s="900"/>
      <c r="CM88" s="898"/>
      <c r="CN88" s="899"/>
      <c r="CO88" s="899"/>
      <c r="CP88" s="899"/>
      <c r="CQ88" s="900"/>
      <c r="CR88" s="898"/>
      <c r="CS88" s="899"/>
      <c r="CT88" s="899"/>
      <c r="CU88" s="899"/>
      <c r="CV88" s="900"/>
      <c r="CW88" s="898"/>
      <c r="CX88" s="899"/>
      <c r="CY88" s="899"/>
      <c r="CZ88" s="899"/>
      <c r="DA88" s="900"/>
      <c r="DB88" s="898"/>
      <c r="DC88" s="899"/>
      <c r="DD88" s="899"/>
      <c r="DE88" s="899"/>
      <c r="DF88" s="900"/>
      <c r="DG88" s="898"/>
      <c r="DH88" s="899"/>
      <c r="DI88" s="899"/>
      <c r="DJ88" s="899"/>
      <c r="DK88" s="900"/>
      <c r="DL88" s="898"/>
      <c r="DM88" s="899"/>
      <c r="DN88" s="899"/>
      <c r="DO88" s="899"/>
      <c r="DP88" s="900"/>
      <c r="DQ88" s="898"/>
      <c r="DR88" s="899"/>
      <c r="DS88" s="899"/>
      <c r="DT88" s="899"/>
      <c r="DU88" s="900"/>
      <c r="DV88" s="895"/>
      <c r="DW88" s="896"/>
      <c r="DX88" s="896"/>
      <c r="DY88" s="896"/>
      <c r="DZ88" s="89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5"/>
      <c r="BT89" s="896"/>
      <c r="BU89" s="896"/>
      <c r="BV89" s="896"/>
      <c r="BW89" s="896"/>
      <c r="BX89" s="896"/>
      <c r="BY89" s="896"/>
      <c r="BZ89" s="896"/>
      <c r="CA89" s="896"/>
      <c r="CB89" s="896"/>
      <c r="CC89" s="896"/>
      <c r="CD89" s="896"/>
      <c r="CE89" s="896"/>
      <c r="CF89" s="896"/>
      <c r="CG89" s="901"/>
      <c r="CH89" s="898"/>
      <c r="CI89" s="899"/>
      <c r="CJ89" s="899"/>
      <c r="CK89" s="899"/>
      <c r="CL89" s="900"/>
      <c r="CM89" s="898"/>
      <c r="CN89" s="899"/>
      <c r="CO89" s="899"/>
      <c r="CP89" s="899"/>
      <c r="CQ89" s="900"/>
      <c r="CR89" s="898"/>
      <c r="CS89" s="899"/>
      <c r="CT89" s="899"/>
      <c r="CU89" s="899"/>
      <c r="CV89" s="900"/>
      <c r="CW89" s="898"/>
      <c r="CX89" s="899"/>
      <c r="CY89" s="899"/>
      <c r="CZ89" s="899"/>
      <c r="DA89" s="900"/>
      <c r="DB89" s="898"/>
      <c r="DC89" s="899"/>
      <c r="DD89" s="899"/>
      <c r="DE89" s="899"/>
      <c r="DF89" s="900"/>
      <c r="DG89" s="898"/>
      <c r="DH89" s="899"/>
      <c r="DI89" s="899"/>
      <c r="DJ89" s="899"/>
      <c r="DK89" s="900"/>
      <c r="DL89" s="898"/>
      <c r="DM89" s="899"/>
      <c r="DN89" s="899"/>
      <c r="DO89" s="899"/>
      <c r="DP89" s="900"/>
      <c r="DQ89" s="898"/>
      <c r="DR89" s="899"/>
      <c r="DS89" s="899"/>
      <c r="DT89" s="899"/>
      <c r="DU89" s="900"/>
      <c r="DV89" s="895"/>
      <c r="DW89" s="896"/>
      <c r="DX89" s="896"/>
      <c r="DY89" s="896"/>
      <c r="DZ89" s="89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5"/>
      <c r="BT90" s="896"/>
      <c r="BU90" s="896"/>
      <c r="BV90" s="896"/>
      <c r="BW90" s="896"/>
      <c r="BX90" s="896"/>
      <c r="BY90" s="896"/>
      <c r="BZ90" s="896"/>
      <c r="CA90" s="896"/>
      <c r="CB90" s="896"/>
      <c r="CC90" s="896"/>
      <c r="CD90" s="896"/>
      <c r="CE90" s="896"/>
      <c r="CF90" s="896"/>
      <c r="CG90" s="901"/>
      <c r="CH90" s="898"/>
      <c r="CI90" s="899"/>
      <c r="CJ90" s="899"/>
      <c r="CK90" s="899"/>
      <c r="CL90" s="900"/>
      <c r="CM90" s="898"/>
      <c r="CN90" s="899"/>
      <c r="CO90" s="899"/>
      <c r="CP90" s="899"/>
      <c r="CQ90" s="900"/>
      <c r="CR90" s="898"/>
      <c r="CS90" s="899"/>
      <c r="CT90" s="899"/>
      <c r="CU90" s="899"/>
      <c r="CV90" s="900"/>
      <c r="CW90" s="898"/>
      <c r="CX90" s="899"/>
      <c r="CY90" s="899"/>
      <c r="CZ90" s="899"/>
      <c r="DA90" s="900"/>
      <c r="DB90" s="898"/>
      <c r="DC90" s="899"/>
      <c r="DD90" s="899"/>
      <c r="DE90" s="899"/>
      <c r="DF90" s="900"/>
      <c r="DG90" s="898"/>
      <c r="DH90" s="899"/>
      <c r="DI90" s="899"/>
      <c r="DJ90" s="899"/>
      <c r="DK90" s="900"/>
      <c r="DL90" s="898"/>
      <c r="DM90" s="899"/>
      <c r="DN90" s="899"/>
      <c r="DO90" s="899"/>
      <c r="DP90" s="900"/>
      <c r="DQ90" s="898"/>
      <c r="DR90" s="899"/>
      <c r="DS90" s="899"/>
      <c r="DT90" s="899"/>
      <c r="DU90" s="900"/>
      <c r="DV90" s="895"/>
      <c r="DW90" s="896"/>
      <c r="DX90" s="896"/>
      <c r="DY90" s="896"/>
      <c r="DZ90" s="89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5"/>
      <c r="BT91" s="896"/>
      <c r="BU91" s="896"/>
      <c r="BV91" s="896"/>
      <c r="BW91" s="896"/>
      <c r="BX91" s="896"/>
      <c r="BY91" s="896"/>
      <c r="BZ91" s="896"/>
      <c r="CA91" s="896"/>
      <c r="CB91" s="896"/>
      <c r="CC91" s="896"/>
      <c r="CD91" s="896"/>
      <c r="CE91" s="896"/>
      <c r="CF91" s="896"/>
      <c r="CG91" s="901"/>
      <c r="CH91" s="898"/>
      <c r="CI91" s="899"/>
      <c r="CJ91" s="899"/>
      <c r="CK91" s="899"/>
      <c r="CL91" s="900"/>
      <c r="CM91" s="898"/>
      <c r="CN91" s="899"/>
      <c r="CO91" s="899"/>
      <c r="CP91" s="899"/>
      <c r="CQ91" s="900"/>
      <c r="CR91" s="898"/>
      <c r="CS91" s="899"/>
      <c r="CT91" s="899"/>
      <c r="CU91" s="899"/>
      <c r="CV91" s="900"/>
      <c r="CW91" s="898"/>
      <c r="CX91" s="899"/>
      <c r="CY91" s="899"/>
      <c r="CZ91" s="899"/>
      <c r="DA91" s="900"/>
      <c r="DB91" s="898"/>
      <c r="DC91" s="899"/>
      <c r="DD91" s="899"/>
      <c r="DE91" s="899"/>
      <c r="DF91" s="900"/>
      <c r="DG91" s="898"/>
      <c r="DH91" s="899"/>
      <c r="DI91" s="899"/>
      <c r="DJ91" s="899"/>
      <c r="DK91" s="900"/>
      <c r="DL91" s="898"/>
      <c r="DM91" s="899"/>
      <c r="DN91" s="899"/>
      <c r="DO91" s="899"/>
      <c r="DP91" s="900"/>
      <c r="DQ91" s="898"/>
      <c r="DR91" s="899"/>
      <c r="DS91" s="899"/>
      <c r="DT91" s="899"/>
      <c r="DU91" s="900"/>
      <c r="DV91" s="895"/>
      <c r="DW91" s="896"/>
      <c r="DX91" s="896"/>
      <c r="DY91" s="896"/>
      <c r="DZ91" s="89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5"/>
      <c r="BT92" s="896"/>
      <c r="BU92" s="896"/>
      <c r="BV92" s="896"/>
      <c r="BW92" s="896"/>
      <c r="BX92" s="896"/>
      <c r="BY92" s="896"/>
      <c r="BZ92" s="896"/>
      <c r="CA92" s="896"/>
      <c r="CB92" s="896"/>
      <c r="CC92" s="896"/>
      <c r="CD92" s="896"/>
      <c r="CE92" s="896"/>
      <c r="CF92" s="896"/>
      <c r="CG92" s="901"/>
      <c r="CH92" s="898"/>
      <c r="CI92" s="899"/>
      <c r="CJ92" s="899"/>
      <c r="CK92" s="899"/>
      <c r="CL92" s="900"/>
      <c r="CM92" s="898"/>
      <c r="CN92" s="899"/>
      <c r="CO92" s="899"/>
      <c r="CP92" s="899"/>
      <c r="CQ92" s="900"/>
      <c r="CR92" s="898"/>
      <c r="CS92" s="899"/>
      <c r="CT92" s="899"/>
      <c r="CU92" s="899"/>
      <c r="CV92" s="900"/>
      <c r="CW92" s="898"/>
      <c r="CX92" s="899"/>
      <c r="CY92" s="899"/>
      <c r="CZ92" s="899"/>
      <c r="DA92" s="900"/>
      <c r="DB92" s="898"/>
      <c r="DC92" s="899"/>
      <c r="DD92" s="899"/>
      <c r="DE92" s="899"/>
      <c r="DF92" s="900"/>
      <c r="DG92" s="898"/>
      <c r="DH92" s="899"/>
      <c r="DI92" s="899"/>
      <c r="DJ92" s="899"/>
      <c r="DK92" s="900"/>
      <c r="DL92" s="898"/>
      <c r="DM92" s="899"/>
      <c r="DN92" s="899"/>
      <c r="DO92" s="899"/>
      <c r="DP92" s="900"/>
      <c r="DQ92" s="898"/>
      <c r="DR92" s="899"/>
      <c r="DS92" s="899"/>
      <c r="DT92" s="899"/>
      <c r="DU92" s="900"/>
      <c r="DV92" s="895"/>
      <c r="DW92" s="896"/>
      <c r="DX92" s="896"/>
      <c r="DY92" s="896"/>
      <c r="DZ92" s="89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5"/>
      <c r="BT93" s="896"/>
      <c r="BU93" s="896"/>
      <c r="BV93" s="896"/>
      <c r="BW93" s="896"/>
      <c r="BX93" s="896"/>
      <c r="BY93" s="896"/>
      <c r="BZ93" s="896"/>
      <c r="CA93" s="896"/>
      <c r="CB93" s="896"/>
      <c r="CC93" s="896"/>
      <c r="CD93" s="896"/>
      <c r="CE93" s="896"/>
      <c r="CF93" s="896"/>
      <c r="CG93" s="901"/>
      <c r="CH93" s="898"/>
      <c r="CI93" s="899"/>
      <c r="CJ93" s="899"/>
      <c r="CK93" s="899"/>
      <c r="CL93" s="900"/>
      <c r="CM93" s="898"/>
      <c r="CN93" s="899"/>
      <c r="CO93" s="899"/>
      <c r="CP93" s="899"/>
      <c r="CQ93" s="900"/>
      <c r="CR93" s="898"/>
      <c r="CS93" s="899"/>
      <c r="CT93" s="899"/>
      <c r="CU93" s="899"/>
      <c r="CV93" s="900"/>
      <c r="CW93" s="898"/>
      <c r="CX93" s="899"/>
      <c r="CY93" s="899"/>
      <c r="CZ93" s="899"/>
      <c r="DA93" s="900"/>
      <c r="DB93" s="898"/>
      <c r="DC93" s="899"/>
      <c r="DD93" s="899"/>
      <c r="DE93" s="899"/>
      <c r="DF93" s="900"/>
      <c r="DG93" s="898"/>
      <c r="DH93" s="899"/>
      <c r="DI93" s="899"/>
      <c r="DJ93" s="899"/>
      <c r="DK93" s="900"/>
      <c r="DL93" s="898"/>
      <c r="DM93" s="899"/>
      <c r="DN93" s="899"/>
      <c r="DO93" s="899"/>
      <c r="DP93" s="900"/>
      <c r="DQ93" s="898"/>
      <c r="DR93" s="899"/>
      <c r="DS93" s="899"/>
      <c r="DT93" s="899"/>
      <c r="DU93" s="900"/>
      <c r="DV93" s="895"/>
      <c r="DW93" s="896"/>
      <c r="DX93" s="896"/>
      <c r="DY93" s="896"/>
      <c r="DZ93" s="89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5"/>
      <c r="BT94" s="896"/>
      <c r="BU94" s="896"/>
      <c r="BV94" s="896"/>
      <c r="BW94" s="896"/>
      <c r="BX94" s="896"/>
      <c r="BY94" s="896"/>
      <c r="BZ94" s="896"/>
      <c r="CA94" s="896"/>
      <c r="CB94" s="896"/>
      <c r="CC94" s="896"/>
      <c r="CD94" s="896"/>
      <c r="CE94" s="896"/>
      <c r="CF94" s="896"/>
      <c r="CG94" s="901"/>
      <c r="CH94" s="898"/>
      <c r="CI94" s="899"/>
      <c r="CJ94" s="899"/>
      <c r="CK94" s="899"/>
      <c r="CL94" s="900"/>
      <c r="CM94" s="898"/>
      <c r="CN94" s="899"/>
      <c r="CO94" s="899"/>
      <c r="CP94" s="899"/>
      <c r="CQ94" s="900"/>
      <c r="CR94" s="898"/>
      <c r="CS94" s="899"/>
      <c r="CT94" s="899"/>
      <c r="CU94" s="899"/>
      <c r="CV94" s="900"/>
      <c r="CW94" s="898"/>
      <c r="CX94" s="899"/>
      <c r="CY94" s="899"/>
      <c r="CZ94" s="899"/>
      <c r="DA94" s="900"/>
      <c r="DB94" s="898"/>
      <c r="DC94" s="899"/>
      <c r="DD94" s="899"/>
      <c r="DE94" s="899"/>
      <c r="DF94" s="900"/>
      <c r="DG94" s="898"/>
      <c r="DH94" s="899"/>
      <c r="DI94" s="899"/>
      <c r="DJ94" s="899"/>
      <c r="DK94" s="900"/>
      <c r="DL94" s="898"/>
      <c r="DM94" s="899"/>
      <c r="DN94" s="899"/>
      <c r="DO94" s="899"/>
      <c r="DP94" s="900"/>
      <c r="DQ94" s="898"/>
      <c r="DR94" s="899"/>
      <c r="DS94" s="899"/>
      <c r="DT94" s="899"/>
      <c r="DU94" s="900"/>
      <c r="DV94" s="895"/>
      <c r="DW94" s="896"/>
      <c r="DX94" s="896"/>
      <c r="DY94" s="896"/>
      <c r="DZ94" s="89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5"/>
      <c r="BT95" s="896"/>
      <c r="BU95" s="896"/>
      <c r="BV95" s="896"/>
      <c r="BW95" s="896"/>
      <c r="BX95" s="896"/>
      <c r="BY95" s="896"/>
      <c r="BZ95" s="896"/>
      <c r="CA95" s="896"/>
      <c r="CB95" s="896"/>
      <c r="CC95" s="896"/>
      <c r="CD95" s="896"/>
      <c r="CE95" s="896"/>
      <c r="CF95" s="896"/>
      <c r="CG95" s="901"/>
      <c r="CH95" s="898"/>
      <c r="CI95" s="899"/>
      <c r="CJ95" s="899"/>
      <c r="CK95" s="899"/>
      <c r="CL95" s="900"/>
      <c r="CM95" s="898"/>
      <c r="CN95" s="899"/>
      <c r="CO95" s="899"/>
      <c r="CP95" s="899"/>
      <c r="CQ95" s="900"/>
      <c r="CR95" s="898"/>
      <c r="CS95" s="899"/>
      <c r="CT95" s="899"/>
      <c r="CU95" s="899"/>
      <c r="CV95" s="900"/>
      <c r="CW95" s="898"/>
      <c r="CX95" s="899"/>
      <c r="CY95" s="899"/>
      <c r="CZ95" s="899"/>
      <c r="DA95" s="900"/>
      <c r="DB95" s="898"/>
      <c r="DC95" s="899"/>
      <c r="DD95" s="899"/>
      <c r="DE95" s="899"/>
      <c r="DF95" s="900"/>
      <c r="DG95" s="898"/>
      <c r="DH95" s="899"/>
      <c r="DI95" s="899"/>
      <c r="DJ95" s="899"/>
      <c r="DK95" s="900"/>
      <c r="DL95" s="898"/>
      <c r="DM95" s="899"/>
      <c r="DN95" s="899"/>
      <c r="DO95" s="899"/>
      <c r="DP95" s="900"/>
      <c r="DQ95" s="898"/>
      <c r="DR95" s="899"/>
      <c r="DS95" s="899"/>
      <c r="DT95" s="899"/>
      <c r="DU95" s="900"/>
      <c r="DV95" s="895"/>
      <c r="DW95" s="896"/>
      <c r="DX95" s="896"/>
      <c r="DY95" s="896"/>
      <c r="DZ95" s="89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5"/>
      <c r="BT96" s="896"/>
      <c r="BU96" s="896"/>
      <c r="BV96" s="896"/>
      <c r="BW96" s="896"/>
      <c r="BX96" s="896"/>
      <c r="BY96" s="896"/>
      <c r="BZ96" s="896"/>
      <c r="CA96" s="896"/>
      <c r="CB96" s="896"/>
      <c r="CC96" s="896"/>
      <c r="CD96" s="896"/>
      <c r="CE96" s="896"/>
      <c r="CF96" s="896"/>
      <c r="CG96" s="901"/>
      <c r="CH96" s="898"/>
      <c r="CI96" s="899"/>
      <c r="CJ96" s="899"/>
      <c r="CK96" s="899"/>
      <c r="CL96" s="900"/>
      <c r="CM96" s="898"/>
      <c r="CN96" s="899"/>
      <c r="CO96" s="899"/>
      <c r="CP96" s="899"/>
      <c r="CQ96" s="900"/>
      <c r="CR96" s="898"/>
      <c r="CS96" s="899"/>
      <c r="CT96" s="899"/>
      <c r="CU96" s="899"/>
      <c r="CV96" s="900"/>
      <c r="CW96" s="898"/>
      <c r="CX96" s="899"/>
      <c r="CY96" s="899"/>
      <c r="CZ96" s="899"/>
      <c r="DA96" s="900"/>
      <c r="DB96" s="898"/>
      <c r="DC96" s="899"/>
      <c r="DD96" s="899"/>
      <c r="DE96" s="899"/>
      <c r="DF96" s="900"/>
      <c r="DG96" s="898"/>
      <c r="DH96" s="899"/>
      <c r="DI96" s="899"/>
      <c r="DJ96" s="899"/>
      <c r="DK96" s="900"/>
      <c r="DL96" s="898"/>
      <c r="DM96" s="899"/>
      <c r="DN96" s="899"/>
      <c r="DO96" s="899"/>
      <c r="DP96" s="900"/>
      <c r="DQ96" s="898"/>
      <c r="DR96" s="899"/>
      <c r="DS96" s="899"/>
      <c r="DT96" s="899"/>
      <c r="DU96" s="900"/>
      <c r="DV96" s="895"/>
      <c r="DW96" s="896"/>
      <c r="DX96" s="896"/>
      <c r="DY96" s="896"/>
      <c r="DZ96" s="89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5"/>
      <c r="BT97" s="896"/>
      <c r="BU97" s="896"/>
      <c r="BV97" s="896"/>
      <c r="BW97" s="896"/>
      <c r="BX97" s="896"/>
      <c r="BY97" s="896"/>
      <c r="BZ97" s="896"/>
      <c r="CA97" s="896"/>
      <c r="CB97" s="896"/>
      <c r="CC97" s="896"/>
      <c r="CD97" s="896"/>
      <c r="CE97" s="896"/>
      <c r="CF97" s="896"/>
      <c r="CG97" s="901"/>
      <c r="CH97" s="898"/>
      <c r="CI97" s="899"/>
      <c r="CJ97" s="899"/>
      <c r="CK97" s="899"/>
      <c r="CL97" s="900"/>
      <c r="CM97" s="898"/>
      <c r="CN97" s="899"/>
      <c r="CO97" s="899"/>
      <c r="CP97" s="899"/>
      <c r="CQ97" s="900"/>
      <c r="CR97" s="898"/>
      <c r="CS97" s="899"/>
      <c r="CT97" s="899"/>
      <c r="CU97" s="899"/>
      <c r="CV97" s="900"/>
      <c r="CW97" s="898"/>
      <c r="CX97" s="899"/>
      <c r="CY97" s="899"/>
      <c r="CZ97" s="899"/>
      <c r="DA97" s="900"/>
      <c r="DB97" s="898"/>
      <c r="DC97" s="899"/>
      <c r="DD97" s="899"/>
      <c r="DE97" s="899"/>
      <c r="DF97" s="900"/>
      <c r="DG97" s="898"/>
      <c r="DH97" s="899"/>
      <c r="DI97" s="899"/>
      <c r="DJ97" s="899"/>
      <c r="DK97" s="900"/>
      <c r="DL97" s="898"/>
      <c r="DM97" s="899"/>
      <c r="DN97" s="899"/>
      <c r="DO97" s="899"/>
      <c r="DP97" s="900"/>
      <c r="DQ97" s="898"/>
      <c r="DR97" s="899"/>
      <c r="DS97" s="899"/>
      <c r="DT97" s="899"/>
      <c r="DU97" s="900"/>
      <c r="DV97" s="895"/>
      <c r="DW97" s="896"/>
      <c r="DX97" s="896"/>
      <c r="DY97" s="896"/>
      <c r="DZ97" s="89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5"/>
      <c r="BT98" s="896"/>
      <c r="BU98" s="896"/>
      <c r="BV98" s="896"/>
      <c r="BW98" s="896"/>
      <c r="BX98" s="896"/>
      <c r="BY98" s="896"/>
      <c r="BZ98" s="896"/>
      <c r="CA98" s="896"/>
      <c r="CB98" s="896"/>
      <c r="CC98" s="896"/>
      <c r="CD98" s="896"/>
      <c r="CE98" s="896"/>
      <c r="CF98" s="896"/>
      <c r="CG98" s="901"/>
      <c r="CH98" s="898"/>
      <c r="CI98" s="899"/>
      <c r="CJ98" s="899"/>
      <c r="CK98" s="899"/>
      <c r="CL98" s="900"/>
      <c r="CM98" s="898"/>
      <c r="CN98" s="899"/>
      <c r="CO98" s="899"/>
      <c r="CP98" s="899"/>
      <c r="CQ98" s="900"/>
      <c r="CR98" s="898"/>
      <c r="CS98" s="899"/>
      <c r="CT98" s="899"/>
      <c r="CU98" s="899"/>
      <c r="CV98" s="900"/>
      <c r="CW98" s="898"/>
      <c r="CX98" s="899"/>
      <c r="CY98" s="899"/>
      <c r="CZ98" s="899"/>
      <c r="DA98" s="900"/>
      <c r="DB98" s="898"/>
      <c r="DC98" s="899"/>
      <c r="DD98" s="899"/>
      <c r="DE98" s="899"/>
      <c r="DF98" s="900"/>
      <c r="DG98" s="898"/>
      <c r="DH98" s="899"/>
      <c r="DI98" s="899"/>
      <c r="DJ98" s="899"/>
      <c r="DK98" s="900"/>
      <c r="DL98" s="898"/>
      <c r="DM98" s="899"/>
      <c r="DN98" s="899"/>
      <c r="DO98" s="899"/>
      <c r="DP98" s="900"/>
      <c r="DQ98" s="898"/>
      <c r="DR98" s="899"/>
      <c r="DS98" s="899"/>
      <c r="DT98" s="899"/>
      <c r="DU98" s="900"/>
      <c r="DV98" s="895"/>
      <c r="DW98" s="896"/>
      <c r="DX98" s="896"/>
      <c r="DY98" s="896"/>
      <c r="DZ98" s="89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5"/>
      <c r="BT99" s="896"/>
      <c r="BU99" s="896"/>
      <c r="BV99" s="896"/>
      <c r="BW99" s="896"/>
      <c r="BX99" s="896"/>
      <c r="BY99" s="896"/>
      <c r="BZ99" s="896"/>
      <c r="CA99" s="896"/>
      <c r="CB99" s="896"/>
      <c r="CC99" s="896"/>
      <c r="CD99" s="896"/>
      <c r="CE99" s="896"/>
      <c r="CF99" s="896"/>
      <c r="CG99" s="901"/>
      <c r="CH99" s="898"/>
      <c r="CI99" s="899"/>
      <c r="CJ99" s="899"/>
      <c r="CK99" s="899"/>
      <c r="CL99" s="900"/>
      <c r="CM99" s="898"/>
      <c r="CN99" s="899"/>
      <c r="CO99" s="899"/>
      <c r="CP99" s="899"/>
      <c r="CQ99" s="900"/>
      <c r="CR99" s="898"/>
      <c r="CS99" s="899"/>
      <c r="CT99" s="899"/>
      <c r="CU99" s="899"/>
      <c r="CV99" s="900"/>
      <c r="CW99" s="898"/>
      <c r="CX99" s="899"/>
      <c r="CY99" s="899"/>
      <c r="CZ99" s="899"/>
      <c r="DA99" s="900"/>
      <c r="DB99" s="898"/>
      <c r="DC99" s="899"/>
      <c r="DD99" s="899"/>
      <c r="DE99" s="899"/>
      <c r="DF99" s="900"/>
      <c r="DG99" s="898"/>
      <c r="DH99" s="899"/>
      <c r="DI99" s="899"/>
      <c r="DJ99" s="899"/>
      <c r="DK99" s="900"/>
      <c r="DL99" s="898"/>
      <c r="DM99" s="899"/>
      <c r="DN99" s="899"/>
      <c r="DO99" s="899"/>
      <c r="DP99" s="900"/>
      <c r="DQ99" s="898"/>
      <c r="DR99" s="899"/>
      <c r="DS99" s="899"/>
      <c r="DT99" s="899"/>
      <c r="DU99" s="900"/>
      <c r="DV99" s="895"/>
      <c r="DW99" s="896"/>
      <c r="DX99" s="896"/>
      <c r="DY99" s="896"/>
      <c r="DZ99" s="89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5"/>
      <c r="BT100" s="896"/>
      <c r="BU100" s="896"/>
      <c r="BV100" s="896"/>
      <c r="BW100" s="896"/>
      <c r="BX100" s="896"/>
      <c r="BY100" s="896"/>
      <c r="BZ100" s="896"/>
      <c r="CA100" s="896"/>
      <c r="CB100" s="896"/>
      <c r="CC100" s="896"/>
      <c r="CD100" s="896"/>
      <c r="CE100" s="896"/>
      <c r="CF100" s="896"/>
      <c r="CG100" s="901"/>
      <c r="CH100" s="898"/>
      <c r="CI100" s="899"/>
      <c r="CJ100" s="899"/>
      <c r="CK100" s="899"/>
      <c r="CL100" s="900"/>
      <c r="CM100" s="898"/>
      <c r="CN100" s="899"/>
      <c r="CO100" s="899"/>
      <c r="CP100" s="899"/>
      <c r="CQ100" s="900"/>
      <c r="CR100" s="898"/>
      <c r="CS100" s="899"/>
      <c r="CT100" s="899"/>
      <c r="CU100" s="899"/>
      <c r="CV100" s="900"/>
      <c r="CW100" s="898"/>
      <c r="CX100" s="899"/>
      <c r="CY100" s="899"/>
      <c r="CZ100" s="899"/>
      <c r="DA100" s="900"/>
      <c r="DB100" s="898"/>
      <c r="DC100" s="899"/>
      <c r="DD100" s="899"/>
      <c r="DE100" s="899"/>
      <c r="DF100" s="900"/>
      <c r="DG100" s="898"/>
      <c r="DH100" s="899"/>
      <c r="DI100" s="899"/>
      <c r="DJ100" s="899"/>
      <c r="DK100" s="900"/>
      <c r="DL100" s="898"/>
      <c r="DM100" s="899"/>
      <c r="DN100" s="899"/>
      <c r="DO100" s="899"/>
      <c r="DP100" s="900"/>
      <c r="DQ100" s="898"/>
      <c r="DR100" s="899"/>
      <c r="DS100" s="899"/>
      <c r="DT100" s="899"/>
      <c r="DU100" s="900"/>
      <c r="DV100" s="895"/>
      <c r="DW100" s="896"/>
      <c r="DX100" s="896"/>
      <c r="DY100" s="896"/>
      <c r="DZ100" s="89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5"/>
      <c r="BT101" s="896"/>
      <c r="BU101" s="896"/>
      <c r="BV101" s="896"/>
      <c r="BW101" s="896"/>
      <c r="BX101" s="896"/>
      <c r="BY101" s="896"/>
      <c r="BZ101" s="896"/>
      <c r="CA101" s="896"/>
      <c r="CB101" s="896"/>
      <c r="CC101" s="896"/>
      <c r="CD101" s="896"/>
      <c r="CE101" s="896"/>
      <c r="CF101" s="896"/>
      <c r="CG101" s="901"/>
      <c r="CH101" s="898"/>
      <c r="CI101" s="899"/>
      <c r="CJ101" s="899"/>
      <c r="CK101" s="899"/>
      <c r="CL101" s="900"/>
      <c r="CM101" s="898"/>
      <c r="CN101" s="899"/>
      <c r="CO101" s="899"/>
      <c r="CP101" s="899"/>
      <c r="CQ101" s="900"/>
      <c r="CR101" s="898"/>
      <c r="CS101" s="899"/>
      <c r="CT101" s="899"/>
      <c r="CU101" s="899"/>
      <c r="CV101" s="900"/>
      <c r="CW101" s="898"/>
      <c r="CX101" s="899"/>
      <c r="CY101" s="899"/>
      <c r="CZ101" s="899"/>
      <c r="DA101" s="900"/>
      <c r="DB101" s="898"/>
      <c r="DC101" s="899"/>
      <c r="DD101" s="899"/>
      <c r="DE101" s="899"/>
      <c r="DF101" s="900"/>
      <c r="DG101" s="898"/>
      <c r="DH101" s="899"/>
      <c r="DI101" s="899"/>
      <c r="DJ101" s="899"/>
      <c r="DK101" s="900"/>
      <c r="DL101" s="898"/>
      <c r="DM101" s="899"/>
      <c r="DN101" s="899"/>
      <c r="DO101" s="899"/>
      <c r="DP101" s="900"/>
      <c r="DQ101" s="898"/>
      <c r="DR101" s="899"/>
      <c r="DS101" s="899"/>
      <c r="DT101" s="899"/>
      <c r="DU101" s="900"/>
      <c r="DV101" s="895"/>
      <c r="DW101" s="896"/>
      <c r="DX101" s="896"/>
      <c r="DY101" s="896"/>
      <c r="DZ101" s="89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0</v>
      </c>
      <c r="BR102" s="825" t="s">
        <v>421</v>
      </c>
      <c r="BS102" s="826"/>
      <c r="BT102" s="826"/>
      <c r="BU102" s="826"/>
      <c r="BV102" s="826"/>
      <c r="BW102" s="826"/>
      <c r="BX102" s="826"/>
      <c r="BY102" s="826"/>
      <c r="BZ102" s="826"/>
      <c r="CA102" s="826"/>
      <c r="CB102" s="826"/>
      <c r="CC102" s="826"/>
      <c r="CD102" s="826"/>
      <c r="CE102" s="826"/>
      <c r="CF102" s="826"/>
      <c r="CG102" s="827"/>
      <c r="CH102" s="923"/>
      <c r="CI102" s="924"/>
      <c r="CJ102" s="924"/>
      <c r="CK102" s="924"/>
      <c r="CL102" s="925"/>
      <c r="CM102" s="923"/>
      <c r="CN102" s="924"/>
      <c r="CO102" s="924"/>
      <c r="CP102" s="924"/>
      <c r="CQ102" s="925"/>
      <c r="CR102" s="926">
        <v>3</v>
      </c>
      <c r="CS102" s="888"/>
      <c r="CT102" s="888"/>
      <c r="CU102" s="888"/>
      <c r="CV102" s="927"/>
      <c r="CW102" s="926" t="s">
        <v>507</v>
      </c>
      <c r="CX102" s="888"/>
      <c r="CY102" s="888"/>
      <c r="CZ102" s="888"/>
      <c r="DA102" s="927"/>
      <c r="DB102" s="926" t="s">
        <v>507</v>
      </c>
      <c r="DC102" s="888"/>
      <c r="DD102" s="888"/>
      <c r="DE102" s="888"/>
      <c r="DF102" s="927"/>
      <c r="DG102" s="926" t="s">
        <v>507</v>
      </c>
      <c r="DH102" s="888"/>
      <c r="DI102" s="888"/>
      <c r="DJ102" s="888"/>
      <c r="DK102" s="927"/>
      <c r="DL102" s="926" t="s">
        <v>507</v>
      </c>
      <c r="DM102" s="888"/>
      <c r="DN102" s="888"/>
      <c r="DO102" s="888"/>
      <c r="DP102" s="927"/>
      <c r="DQ102" s="926" t="s">
        <v>507</v>
      </c>
      <c r="DR102" s="888"/>
      <c r="DS102" s="888"/>
      <c r="DT102" s="888"/>
      <c r="DU102" s="927"/>
      <c r="DV102" s="825"/>
      <c r="DW102" s="826"/>
      <c r="DX102" s="826"/>
      <c r="DY102" s="826"/>
      <c r="DZ102" s="950"/>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1" t="s">
        <v>422</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2" t="s">
        <v>423</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3" t="s">
        <v>426</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27</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30" customFormat="1" ht="26.25" customHeight="1" x14ac:dyDescent="0.2">
      <c r="A109" s="948" t="s">
        <v>428</v>
      </c>
      <c r="B109" s="929"/>
      <c r="C109" s="929"/>
      <c r="D109" s="929"/>
      <c r="E109" s="929"/>
      <c r="F109" s="929"/>
      <c r="G109" s="929"/>
      <c r="H109" s="929"/>
      <c r="I109" s="929"/>
      <c r="J109" s="929"/>
      <c r="K109" s="929"/>
      <c r="L109" s="929"/>
      <c r="M109" s="929"/>
      <c r="N109" s="929"/>
      <c r="O109" s="929"/>
      <c r="P109" s="929"/>
      <c r="Q109" s="929"/>
      <c r="R109" s="929"/>
      <c r="S109" s="929"/>
      <c r="T109" s="929"/>
      <c r="U109" s="929"/>
      <c r="V109" s="929"/>
      <c r="W109" s="929"/>
      <c r="X109" s="929"/>
      <c r="Y109" s="929"/>
      <c r="Z109" s="930"/>
      <c r="AA109" s="928" t="s">
        <v>429</v>
      </c>
      <c r="AB109" s="929"/>
      <c r="AC109" s="929"/>
      <c r="AD109" s="929"/>
      <c r="AE109" s="930"/>
      <c r="AF109" s="928" t="s">
        <v>430</v>
      </c>
      <c r="AG109" s="929"/>
      <c r="AH109" s="929"/>
      <c r="AI109" s="929"/>
      <c r="AJ109" s="930"/>
      <c r="AK109" s="928" t="s">
        <v>307</v>
      </c>
      <c r="AL109" s="929"/>
      <c r="AM109" s="929"/>
      <c r="AN109" s="929"/>
      <c r="AO109" s="930"/>
      <c r="AP109" s="928" t="s">
        <v>431</v>
      </c>
      <c r="AQ109" s="929"/>
      <c r="AR109" s="929"/>
      <c r="AS109" s="929"/>
      <c r="AT109" s="931"/>
      <c r="AU109" s="948" t="s">
        <v>428</v>
      </c>
      <c r="AV109" s="929"/>
      <c r="AW109" s="929"/>
      <c r="AX109" s="929"/>
      <c r="AY109" s="929"/>
      <c r="AZ109" s="929"/>
      <c r="BA109" s="929"/>
      <c r="BB109" s="929"/>
      <c r="BC109" s="929"/>
      <c r="BD109" s="929"/>
      <c r="BE109" s="929"/>
      <c r="BF109" s="929"/>
      <c r="BG109" s="929"/>
      <c r="BH109" s="929"/>
      <c r="BI109" s="929"/>
      <c r="BJ109" s="929"/>
      <c r="BK109" s="929"/>
      <c r="BL109" s="929"/>
      <c r="BM109" s="929"/>
      <c r="BN109" s="929"/>
      <c r="BO109" s="929"/>
      <c r="BP109" s="930"/>
      <c r="BQ109" s="928" t="s">
        <v>429</v>
      </c>
      <c r="BR109" s="929"/>
      <c r="BS109" s="929"/>
      <c r="BT109" s="929"/>
      <c r="BU109" s="930"/>
      <c r="BV109" s="928" t="s">
        <v>430</v>
      </c>
      <c r="BW109" s="929"/>
      <c r="BX109" s="929"/>
      <c r="BY109" s="929"/>
      <c r="BZ109" s="930"/>
      <c r="CA109" s="928" t="s">
        <v>307</v>
      </c>
      <c r="CB109" s="929"/>
      <c r="CC109" s="929"/>
      <c r="CD109" s="929"/>
      <c r="CE109" s="930"/>
      <c r="CF109" s="949" t="s">
        <v>431</v>
      </c>
      <c r="CG109" s="949"/>
      <c r="CH109" s="949"/>
      <c r="CI109" s="949"/>
      <c r="CJ109" s="949"/>
      <c r="CK109" s="928" t="s">
        <v>432</v>
      </c>
      <c r="CL109" s="929"/>
      <c r="CM109" s="929"/>
      <c r="CN109" s="929"/>
      <c r="CO109" s="929"/>
      <c r="CP109" s="929"/>
      <c r="CQ109" s="929"/>
      <c r="CR109" s="929"/>
      <c r="CS109" s="929"/>
      <c r="CT109" s="929"/>
      <c r="CU109" s="929"/>
      <c r="CV109" s="929"/>
      <c r="CW109" s="929"/>
      <c r="CX109" s="929"/>
      <c r="CY109" s="929"/>
      <c r="CZ109" s="929"/>
      <c r="DA109" s="929"/>
      <c r="DB109" s="929"/>
      <c r="DC109" s="929"/>
      <c r="DD109" s="929"/>
      <c r="DE109" s="929"/>
      <c r="DF109" s="930"/>
      <c r="DG109" s="928" t="s">
        <v>429</v>
      </c>
      <c r="DH109" s="929"/>
      <c r="DI109" s="929"/>
      <c r="DJ109" s="929"/>
      <c r="DK109" s="930"/>
      <c r="DL109" s="928" t="s">
        <v>430</v>
      </c>
      <c r="DM109" s="929"/>
      <c r="DN109" s="929"/>
      <c r="DO109" s="929"/>
      <c r="DP109" s="930"/>
      <c r="DQ109" s="928" t="s">
        <v>307</v>
      </c>
      <c r="DR109" s="929"/>
      <c r="DS109" s="929"/>
      <c r="DT109" s="929"/>
      <c r="DU109" s="930"/>
      <c r="DV109" s="928" t="s">
        <v>431</v>
      </c>
      <c r="DW109" s="929"/>
      <c r="DX109" s="929"/>
      <c r="DY109" s="929"/>
      <c r="DZ109" s="931"/>
    </row>
    <row r="110" spans="1:131" s="230" customFormat="1" ht="26.25" customHeight="1" x14ac:dyDescent="0.2">
      <c r="A110" s="932" t="s">
        <v>433</v>
      </c>
      <c r="B110" s="933"/>
      <c r="C110" s="933"/>
      <c r="D110" s="933"/>
      <c r="E110" s="933"/>
      <c r="F110" s="933"/>
      <c r="G110" s="933"/>
      <c r="H110" s="933"/>
      <c r="I110" s="933"/>
      <c r="J110" s="933"/>
      <c r="K110" s="933"/>
      <c r="L110" s="933"/>
      <c r="M110" s="933"/>
      <c r="N110" s="933"/>
      <c r="O110" s="933"/>
      <c r="P110" s="933"/>
      <c r="Q110" s="933"/>
      <c r="R110" s="933"/>
      <c r="S110" s="933"/>
      <c r="T110" s="933"/>
      <c r="U110" s="933"/>
      <c r="V110" s="933"/>
      <c r="W110" s="933"/>
      <c r="X110" s="933"/>
      <c r="Y110" s="933"/>
      <c r="Z110" s="934"/>
      <c r="AA110" s="935">
        <v>387773</v>
      </c>
      <c r="AB110" s="936"/>
      <c r="AC110" s="936"/>
      <c r="AD110" s="936"/>
      <c r="AE110" s="937"/>
      <c r="AF110" s="938">
        <v>399090</v>
      </c>
      <c r="AG110" s="936"/>
      <c r="AH110" s="936"/>
      <c r="AI110" s="936"/>
      <c r="AJ110" s="937"/>
      <c r="AK110" s="938">
        <v>428615</v>
      </c>
      <c r="AL110" s="936"/>
      <c r="AM110" s="936"/>
      <c r="AN110" s="936"/>
      <c r="AO110" s="937"/>
      <c r="AP110" s="939">
        <v>14.9</v>
      </c>
      <c r="AQ110" s="940"/>
      <c r="AR110" s="940"/>
      <c r="AS110" s="940"/>
      <c r="AT110" s="941"/>
      <c r="AU110" s="942" t="s">
        <v>74</v>
      </c>
      <c r="AV110" s="943"/>
      <c r="AW110" s="943"/>
      <c r="AX110" s="943"/>
      <c r="AY110" s="943"/>
      <c r="AZ110" s="965" t="s">
        <v>434</v>
      </c>
      <c r="BA110" s="933"/>
      <c r="BB110" s="933"/>
      <c r="BC110" s="933"/>
      <c r="BD110" s="933"/>
      <c r="BE110" s="933"/>
      <c r="BF110" s="933"/>
      <c r="BG110" s="933"/>
      <c r="BH110" s="933"/>
      <c r="BI110" s="933"/>
      <c r="BJ110" s="933"/>
      <c r="BK110" s="933"/>
      <c r="BL110" s="933"/>
      <c r="BM110" s="933"/>
      <c r="BN110" s="933"/>
      <c r="BO110" s="933"/>
      <c r="BP110" s="934"/>
      <c r="BQ110" s="966">
        <v>4790005</v>
      </c>
      <c r="BR110" s="967"/>
      <c r="BS110" s="967"/>
      <c r="BT110" s="967"/>
      <c r="BU110" s="967"/>
      <c r="BV110" s="967">
        <v>5630767</v>
      </c>
      <c r="BW110" s="967"/>
      <c r="BX110" s="967"/>
      <c r="BY110" s="967"/>
      <c r="BZ110" s="967"/>
      <c r="CA110" s="967">
        <v>5604331</v>
      </c>
      <c r="CB110" s="967"/>
      <c r="CC110" s="967"/>
      <c r="CD110" s="967"/>
      <c r="CE110" s="967"/>
      <c r="CF110" s="980">
        <v>194.7</v>
      </c>
      <c r="CG110" s="981"/>
      <c r="CH110" s="981"/>
      <c r="CI110" s="981"/>
      <c r="CJ110" s="981"/>
      <c r="CK110" s="982" t="s">
        <v>435</v>
      </c>
      <c r="CL110" s="983"/>
      <c r="CM110" s="965" t="s">
        <v>436</v>
      </c>
      <c r="CN110" s="933"/>
      <c r="CO110" s="933"/>
      <c r="CP110" s="933"/>
      <c r="CQ110" s="933"/>
      <c r="CR110" s="933"/>
      <c r="CS110" s="933"/>
      <c r="CT110" s="933"/>
      <c r="CU110" s="933"/>
      <c r="CV110" s="933"/>
      <c r="CW110" s="933"/>
      <c r="CX110" s="933"/>
      <c r="CY110" s="933"/>
      <c r="CZ110" s="933"/>
      <c r="DA110" s="933"/>
      <c r="DB110" s="933"/>
      <c r="DC110" s="933"/>
      <c r="DD110" s="933"/>
      <c r="DE110" s="933"/>
      <c r="DF110" s="934"/>
      <c r="DG110" s="966">
        <v>135024</v>
      </c>
      <c r="DH110" s="967"/>
      <c r="DI110" s="967"/>
      <c r="DJ110" s="967"/>
      <c r="DK110" s="967"/>
      <c r="DL110" s="967">
        <v>130532</v>
      </c>
      <c r="DM110" s="967"/>
      <c r="DN110" s="967"/>
      <c r="DO110" s="967"/>
      <c r="DP110" s="967"/>
      <c r="DQ110" s="967">
        <v>126004</v>
      </c>
      <c r="DR110" s="967"/>
      <c r="DS110" s="967"/>
      <c r="DT110" s="967"/>
      <c r="DU110" s="967"/>
      <c r="DV110" s="968">
        <v>4.4000000000000004</v>
      </c>
      <c r="DW110" s="968"/>
      <c r="DX110" s="968"/>
      <c r="DY110" s="968"/>
      <c r="DZ110" s="969"/>
    </row>
    <row r="111" spans="1:131" s="230" customFormat="1" ht="26.25" customHeight="1" x14ac:dyDescent="0.2">
      <c r="A111" s="970" t="s">
        <v>437</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129</v>
      </c>
      <c r="AB111" s="974"/>
      <c r="AC111" s="974"/>
      <c r="AD111" s="974"/>
      <c r="AE111" s="975"/>
      <c r="AF111" s="976" t="s">
        <v>129</v>
      </c>
      <c r="AG111" s="974"/>
      <c r="AH111" s="974"/>
      <c r="AI111" s="974"/>
      <c r="AJ111" s="975"/>
      <c r="AK111" s="976" t="s">
        <v>129</v>
      </c>
      <c r="AL111" s="974"/>
      <c r="AM111" s="974"/>
      <c r="AN111" s="974"/>
      <c r="AO111" s="975"/>
      <c r="AP111" s="977" t="s">
        <v>129</v>
      </c>
      <c r="AQ111" s="978"/>
      <c r="AR111" s="978"/>
      <c r="AS111" s="978"/>
      <c r="AT111" s="979"/>
      <c r="AU111" s="944"/>
      <c r="AV111" s="945"/>
      <c r="AW111" s="945"/>
      <c r="AX111" s="945"/>
      <c r="AY111" s="945"/>
      <c r="AZ111" s="958" t="s">
        <v>438</v>
      </c>
      <c r="BA111" s="959"/>
      <c r="BB111" s="959"/>
      <c r="BC111" s="959"/>
      <c r="BD111" s="959"/>
      <c r="BE111" s="959"/>
      <c r="BF111" s="959"/>
      <c r="BG111" s="959"/>
      <c r="BH111" s="959"/>
      <c r="BI111" s="959"/>
      <c r="BJ111" s="959"/>
      <c r="BK111" s="959"/>
      <c r="BL111" s="959"/>
      <c r="BM111" s="959"/>
      <c r="BN111" s="959"/>
      <c r="BO111" s="959"/>
      <c r="BP111" s="960"/>
      <c r="BQ111" s="961">
        <v>135024</v>
      </c>
      <c r="BR111" s="962"/>
      <c r="BS111" s="962"/>
      <c r="BT111" s="962"/>
      <c r="BU111" s="962"/>
      <c r="BV111" s="962">
        <v>130532</v>
      </c>
      <c r="BW111" s="962"/>
      <c r="BX111" s="962"/>
      <c r="BY111" s="962"/>
      <c r="BZ111" s="962"/>
      <c r="CA111" s="962">
        <v>126004</v>
      </c>
      <c r="CB111" s="962"/>
      <c r="CC111" s="962"/>
      <c r="CD111" s="962"/>
      <c r="CE111" s="962"/>
      <c r="CF111" s="956">
        <v>4.4000000000000004</v>
      </c>
      <c r="CG111" s="957"/>
      <c r="CH111" s="957"/>
      <c r="CI111" s="957"/>
      <c r="CJ111" s="957"/>
      <c r="CK111" s="984"/>
      <c r="CL111" s="985"/>
      <c r="CM111" s="958" t="s">
        <v>439</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129</v>
      </c>
      <c r="DH111" s="962"/>
      <c r="DI111" s="962"/>
      <c r="DJ111" s="962"/>
      <c r="DK111" s="962"/>
      <c r="DL111" s="962" t="s">
        <v>129</v>
      </c>
      <c r="DM111" s="962"/>
      <c r="DN111" s="962"/>
      <c r="DO111" s="962"/>
      <c r="DP111" s="962"/>
      <c r="DQ111" s="962" t="s">
        <v>129</v>
      </c>
      <c r="DR111" s="962"/>
      <c r="DS111" s="962"/>
      <c r="DT111" s="962"/>
      <c r="DU111" s="962"/>
      <c r="DV111" s="963" t="s">
        <v>129</v>
      </c>
      <c r="DW111" s="963"/>
      <c r="DX111" s="963"/>
      <c r="DY111" s="963"/>
      <c r="DZ111" s="964"/>
    </row>
    <row r="112" spans="1:131" s="230" customFormat="1" ht="26.25" customHeight="1" x14ac:dyDescent="0.2">
      <c r="A112" s="988" t="s">
        <v>440</v>
      </c>
      <c r="B112" s="989"/>
      <c r="C112" s="959" t="s">
        <v>441</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t="s">
        <v>129</v>
      </c>
      <c r="AB112" s="995"/>
      <c r="AC112" s="995"/>
      <c r="AD112" s="995"/>
      <c r="AE112" s="996"/>
      <c r="AF112" s="997" t="s">
        <v>129</v>
      </c>
      <c r="AG112" s="995"/>
      <c r="AH112" s="995"/>
      <c r="AI112" s="995"/>
      <c r="AJ112" s="996"/>
      <c r="AK112" s="997" t="s">
        <v>129</v>
      </c>
      <c r="AL112" s="995"/>
      <c r="AM112" s="995"/>
      <c r="AN112" s="995"/>
      <c r="AO112" s="996"/>
      <c r="AP112" s="998" t="s">
        <v>129</v>
      </c>
      <c r="AQ112" s="999"/>
      <c r="AR112" s="999"/>
      <c r="AS112" s="999"/>
      <c r="AT112" s="1000"/>
      <c r="AU112" s="944"/>
      <c r="AV112" s="945"/>
      <c r="AW112" s="945"/>
      <c r="AX112" s="945"/>
      <c r="AY112" s="945"/>
      <c r="AZ112" s="958" t="s">
        <v>442</v>
      </c>
      <c r="BA112" s="959"/>
      <c r="BB112" s="959"/>
      <c r="BC112" s="959"/>
      <c r="BD112" s="959"/>
      <c r="BE112" s="959"/>
      <c r="BF112" s="959"/>
      <c r="BG112" s="959"/>
      <c r="BH112" s="959"/>
      <c r="BI112" s="959"/>
      <c r="BJ112" s="959"/>
      <c r="BK112" s="959"/>
      <c r="BL112" s="959"/>
      <c r="BM112" s="959"/>
      <c r="BN112" s="959"/>
      <c r="BO112" s="959"/>
      <c r="BP112" s="960"/>
      <c r="BQ112" s="961">
        <v>916054</v>
      </c>
      <c r="BR112" s="962"/>
      <c r="BS112" s="962"/>
      <c r="BT112" s="962"/>
      <c r="BU112" s="962"/>
      <c r="BV112" s="962">
        <v>859356</v>
      </c>
      <c r="BW112" s="962"/>
      <c r="BX112" s="962"/>
      <c r="BY112" s="962"/>
      <c r="BZ112" s="962"/>
      <c r="CA112" s="962">
        <v>785445</v>
      </c>
      <c r="CB112" s="962"/>
      <c r="CC112" s="962"/>
      <c r="CD112" s="962"/>
      <c r="CE112" s="962"/>
      <c r="CF112" s="956">
        <v>27.3</v>
      </c>
      <c r="CG112" s="957"/>
      <c r="CH112" s="957"/>
      <c r="CI112" s="957"/>
      <c r="CJ112" s="957"/>
      <c r="CK112" s="984"/>
      <c r="CL112" s="985"/>
      <c r="CM112" s="958" t="s">
        <v>443</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129</v>
      </c>
      <c r="DH112" s="962"/>
      <c r="DI112" s="962"/>
      <c r="DJ112" s="962"/>
      <c r="DK112" s="962"/>
      <c r="DL112" s="962" t="s">
        <v>129</v>
      </c>
      <c r="DM112" s="962"/>
      <c r="DN112" s="962"/>
      <c r="DO112" s="962"/>
      <c r="DP112" s="962"/>
      <c r="DQ112" s="962" t="s">
        <v>129</v>
      </c>
      <c r="DR112" s="962"/>
      <c r="DS112" s="962"/>
      <c r="DT112" s="962"/>
      <c r="DU112" s="962"/>
      <c r="DV112" s="963" t="s">
        <v>129</v>
      </c>
      <c r="DW112" s="963"/>
      <c r="DX112" s="963"/>
      <c r="DY112" s="963"/>
      <c r="DZ112" s="964"/>
    </row>
    <row r="113" spans="1:130" s="230" customFormat="1" ht="26.25" customHeight="1" x14ac:dyDescent="0.2">
      <c r="A113" s="990"/>
      <c r="B113" s="991"/>
      <c r="C113" s="959" t="s">
        <v>444</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97546</v>
      </c>
      <c r="AB113" s="974"/>
      <c r="AC113" s="974"/>
      <c r="AD113" s="974"/>
      <c r="AE113" s="975"/>
      <c r="AF113" s="976">
        <v>93748</v>
      </c>
      <c r="AG113" s="974"/>
      <c r="AH113" s="974"/>
      <c r="AI113" s="974"/>
      <c r="AJ113" s="975"/>
      <c r="AK113" s="976">
        <v>91510</v>
      </c>
      <c r="AL113" s="974"/>
      <c r="AM113" s="974"/>
      <c r="AN113" s="974"/>
      <c r="AO113" s="975"/>
      <c r="AP113" s="977">
        <v>3.2</v>
      </c>
      <c r="AQ113" s="978"/>
      <c r="AR113" s="978"/>
      <c r="AS113" s="978"/>
      <c r="AT113" s="979"/>
      <c r="AU113" s="944"/>
      <c r="AV113" s="945"/>
      <c r="AW113" s="945"/>
      <c r="AX113" s="945"/>
      <c r="AY113" s="945"/>
      <c r="AZ113" s="958" t="s">
        <v>445</v>
      </c>
      <c r="BA113" s="959"/>
      <c r="BB113" s="959"/>
      <c r="BC113" s="959"/>
      <c r="BD113" s="959"/>
      <c r="BE113" s="959"/>
      <c r="BF113" s="959"/>
      <c r="BG113" s="959"/>
      <c r="BH113" s="959"/>
      <c r="BI113" s="959"/>
      <c r="BJ113" s="959"/>
      <c r="BK113" s="959"/>
      <c r="BL113" s="959"/>
      <c r="BM113" s="959"/>
      <c r="BN113" s="959"/>
      <c r="BO113" s="959"/>
      <c r="BP113" s="960"/>
      <c r="BQ113" s="961" t="s">
        <v>129</v>
      </c>
      <c r="BR113" s="962"/>
      <c r="BS113" s="962"/>
      <c r="BT113" s="962"/>
      <c r="BU113" s="962"/>
      <c r="BV113" s="962" t="s">
        <v>129</v>
      </c>
      <c r="BW113" s="962"/>
      <c r="BX113" s="962"/>
      <c r="BY113" s="962"/>
      <c r="BZ113" s="962"/>
      <c r="CA113" s="962" t="s">
        <v>129</v>
      </c>
      <c r="CB113" s="962"/>
      <c r="CC113" s="962"/>
      <c r="CD113" s="962"/>
      <c r="CE113" s="962"/>
      <c r="CF113" s="956" t="s">
        <v>129</v>
      </c>
      <c r="CG113" s="957"/>
      <c r="CH113" s="957"/>
      <c r="CI113" s="957"/>
      <c r="CJ113" s="957"/>
      <c r="CK113" s="984"/>
      <c r="CL113" s="985"/>
      <c r="CM113" s="958" t="s">
        <v>446</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129</v>
      </c>
      <c r="DH113" s="995"/>
      <c r="DI113" s="995"/>
      <c r="DJ113" s="995"/>
      <c r="DK113" s="996"/>
      <c r="DL113" s="997" t="s">
        <v>129</v>
      </c>
      <c r="DM113" s="995"/>
      <c r="DN113" s="995"/>
      <c r="DO113" s="995"/>
      <c r="DP113" s="996"/>
      <c r="DQ113" s="997" t="s">
        <v>129</v>
      </c>
      <c r="DR113" s="995"/>
      <c r="DS113" s="995"/>
      <c r="DT113" s="995"/>
      <c r="DU113" s="996"/>
      <c r="DV113" s="998" t="s">
        <v>129</v>
      </c>
      <c r="DW113" s="999"/>
      <c r="DX113" s="999"/>
      <c r="DY113" s="999"/>
      <c r="DZ113" s="1000"/>
    </row>
    <row r="114" spans="1:130" s="230" customFormat="1" ht="26.25" customHeight="1" x14ac:dyDescent="0.2">
      <c r="A114" s="990"/>
      <c r="B114" s="991"/>
      <c r="C114" s="959" t="s">
        <v>447</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t="s">
        <v>129</v>
      </c>
      <c r="AB114" s="995"/>
      <c r="AC114" s="995"/>
      <c r="AD114" s="995"/>
      <c r="AE114" s="996"/>
      <c r="AF114" s="997" t="s">
        <v>129</v>
      </c>
      <c r="AG114" s="995"/>
      <c r="AH114" s="995"/>
      <c r="AI114" s="995"/>
      <c r="AJ114" s="996"/>
      <c r="AK114" s="997" t="s">
        <v>129</v>
      </c>
      <c r="AL114" s="995"/>
      <c r="AM114" s="995"/>
      <c r="AN114" s="995"/>
      <c r="AO114" s="996"/>
      <c r="AP114" s="998" t="s">
        <v>129</v>
      </c>
      <c r="AQ114" s="999"/>
      <c r="AR114" s="999"/>
      <c r="AS114" s="999"/>
      <c r="AT114" s="1000"/>
      <c r="AU114" s="944"/>
      <c r="AV114" s="945"/>
      <c r="AW114" s="945"/>
      <c r="AX114" s="945"/>
      <c r="AY114" s="945"/>
      <c r="AZ114" s="958" t="s">
        <v>448</v>
      </c>
      <c r="BA114" s="959"/>
      <c r="BB114" s="959"/>
      <c r="BC114" s="959"/>
      <c r="BD114" s="959"/>
      <c r="BE114" s="959"/>
      <c r="BF114" s="959"/>
      <c r="BG114" s="959"/>
      <c r="BH114" s="959"/>
      <c r="BI114" s="959"/>
      <c r="BJ114" s="959"/>
      <c r="BK114" s="959"/>
      <c r="BL114" s="959"/>
      <c r="BM114" s="959"/>
      <c r="BN114" s="959"/>
      <c r="BO114" s="959"/>
      <c r="BP114" s="960"/>
      <c r="BQ114" s="961">
        <v>974231</v>
      </c>
      <c r="BR114" s="962"/>
      <c r="BS114" s="962"/>
      <c r="BT114" s="962"/>
      <c r="BU114" s="962"/>
      <c r="BV114" s="962">
        <v>893254</v>
      </c>
      <c r="BW114" s="962"/>
      <c r="BX114" s="962"/>
      <c r="BY114" s="962"/>
      <c r="BZ114" s="962"/>
      <c r="CA114" s="962">
        <v>856248</v>
      </c>
      <c r="CB114" s="962"/>
      <c r="CC114" s="962"/>
      <c r="CD114" s="962"/>
      <c r="CE114" s="962"/>
      <c r="CF114" s="956">
        <v>29.8</v>
      </c>
      <c r="CG114" s="957"/>
      <c r="CH114" s="957"/>
      <c r="CI114" s="957"/>
      <c r="CJ114" s="957"/>
      <c r="CK114" s="984"/>
      <c r="CL114" s="985"/>
      <c r="CM114" s="958" t="s">
        <v>449</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129</v>
      </c>
      <c r="DH114" s="995"/>
      <c r="DI114" s="995"/>
      <c r="DJ114" s="995"/>
      <c r="DK114" s="996"/>
      <c r="DL114" s="997" t="s">
        <v>129</v>
      </c>
      <c r="DM114" s="995"/>
      <c r="DN114" s="995"/>
      <c r="DO114" s="995"/>
      <c r="DP114" s="996"/>
      <c r="DQ114" s="997" t="s">
        <v>129</v>
      </c>
      <c r="DR114" s="995"/>
      <c r="DS114" s="995"/>
      <c r="DT114" s="995"/>
      <c r="DU114" s="996"/>
      <c r="DV114" s="998" t="s">
        <v>129</v>
      </c>
      <c r="DW114" s="999"/>
      <c r="DX114" s="999"/>
      <c r="DY114" s="999"/>
      <c r="DZ114" s="1000"/>
    </row>
    <row r="115" spans="1:130" s="230" customFormat="1" ht="26.25" customHeight="1" x14ac:dyDescent="0.2">
      <c r="A115" s="990"/>
      <c r="B115" s="991"/>
      <c r="C115" s="959" t="s">
        <v>450</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v>4456</v>
      </c>
      <c r="AB115" s="974"/>
      <c r="AC115" s="974"/>
      <c r="AD115" s="974"/>
      <c r="AE115" s="975"/>
      <c r="AF115" s="976">
        <v>4492</v>
      </c>
      <c r="AG115" s="974"/>
      <c r="AH115" s="974"/>
      <c r="AI115" s="974"/>
      <c r="AJ115" s="975"/>
      <c r="AK115" s="976">
        <v>4529</v>
      </c>
      <c r="AL115" s="974"/>
      <c r="AM115" s="974"/>
      <c r="AN115" s="974"/>
      <c r="AO115" s="975"/>
      <c r="AP115" s="977">
        <v>0.2</v>
      </c>
      <c r="AQ115" s="978"/>
      <c r="AR115" s="978"/>
      <c r="AS115" s="978"/>
      <c r="AT115" s="979"/>
      <c r="AU115" s="944"/>
      <c r="AV115" s="945"/>
      <c r="AW115" s="945"/>
      <c r="AX115" s="945"/>
      <c r="AY115" s="945"/>
      <c r="AZ115" s="958" t="s">
        <v>451</v>
      </c>
      <c r="BA115" s="959"/>
      <c r="BB115" s="959"/>
      <c r="BC115" s="959"/>
      <c r="BD115" s="959"/>
      <c r="BE115" s="959"/>
      <c r="BF115" s="959"/>
      <c r="BG115" s="959"/>
      <c r="BH115" s="959"/>
      <c r="BI115" s="959"/>
      <c r="BJ115" s="959"/>
      <c r="BK115" s="959"/>
      <c r="BL115" s="959"/>
      <c r="BM115" s="959"/>
      <c r="BN115" s="959"/>
      <c r="BO115" s="959"/>
      <c r="BP115" s="960"/>
      <c r="BQ115" s="961" t="s">
        <v>129</v>
      </c>
      <c r="BR115" s="962"/>
      <c r="BS115" s="962"/>
      <c r="BT115" s="962"/>
      <c r="BU115" s="962"/>
      <c r="BV115" s="962" t="s">
        <v>129</v>
      </c>
      <c r="BW115" s="962"/>
      <c r="BX115" s="962"/>
      <c r="BY115" s="962"/>
      <c r="BZ115" s="962"/>
      <c r="CA115" s="962" t="s">
        <v>129</v>
      </c>
      <c r="CB115" s="962"/>
      <c r="CC115" s="962"/>
      <c r="CD115" s="962"/>
      <c r="CE115" s="962"/>
      <c r="CF115" s="956" t="s">
        <v>129</v>
      </c>
      <c r="CG115" s="957"/>
      <c r="CH115" s="957"/>
      <c r="CI115" s="957"/>
      <c r="CJ115" s="957"/>
      <c r="CK115" s="984"/>
      <c r="CL115" s="985"/>
      <c r="CM115" s="958" t="s">
        <v>452</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t="s">
        <v>129</v>
      </c>
      <c r="DH115" s="995"/>
      <c r="DI115" s="995"/>
      <c r="DJ115" s="995"/>
      <c r="DK115" s="996"/>
      <c r="DL115" s="997" t="s">
        <v>129</v>
      </c>
      <c r="DM115" s="995"/>
      <c r="DN115" s="995"/>
      <c r="DO115" s="995"/>
      <c r="DP115" s="996"/>
      <c r="DQ115" s="997" t="s">
        <v>129</v>
      </c>
      <c r="DR115" s="995"/>
      <c r="DS115" s="995"/>
      <c r="DT115" s="995"/>
      <c r="DU115" s="996"/>
      <c r="DV115" s="998" t="s">
        <v>129</v>
      </c>
      <c r="DW115" s="999"/>
      <c r="DX115" s="999"/>
      <c r="DY115" s="999"/>
      <c r="DZ115" s="1000"/>
    </row>
    <row r="116" spans="1:130" s="230" customFormat="1" ht="26.25" customHeight="1" x14ac:dyDescent="0.2">
      <c r="A116" s="992"/>
      <c r="B116" s="993"/>
      <c r="C116" s="1001" t="s">
        <v>453</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t="s">
        <v>129</v>
      </c>
      <c r="AB116" s="995"/>
      <c r="AC116" s="995"/>
      <c r="AD116" s="995"/>
      <c r="AE116" s="996"/>
      <c r="AF116" s="997" t="s">
        <v>129</v>
      </c>
      <c r="AG116" s="995"/>
      <c r="AH116" s="995"/>
      <c r="AI116" s="995"/>
      <c r="AJ116" s="996"/>
      <c r="AK116" s="997" t="s">
        <v>129</v>
      </c>
      <c r="AL116" s="995"/>
      <c r="AM116" s="995"/>
      <c r="AN116" s="995"/>
      <c r="AO116" s="996"/>
      <c r="AP116" s="998" t="s">
        <v>129</v>
      </c>
      <c r="AQ116" s="999"/>
      <c r="AR116" s="999"/>
      <c r="AS116" s="999"/>
      <c r="AT116" s="1000"/>
      <c r="AU116" s="944"/>
      <c r="AV116" s="945"/>
      <c r="AW116" s="945"/>
      <c r="AX116" s="945"/>
      <c r="AY116" s="945"/>
      <c r="AZ116" s="1003" t="s">
        <v>454</v>
      </c>
      <c r="BA116" s="1004"/>
      <c r="BB116" s="1004"/>
      <c r="BC116" s="1004"/>
      <c r="BD116" s="1004"/>
      <c r="BE116" s="1004"/>
      <c r="BF116" s="1004"/>
      <c r="BG116" s="1004"/>
      <c r="BH116" s="1004"/>
      <c r="BI116" s="1004"/>
      <c r="BJ116" s="1004"/>
      <c r="BK116" s="1004"/>
      <c r="BL116" s="1004"/>
      <c r="BM116" s="1004"/>
      <c r="BN116" s="1004"/>
      <c r="BO116" s="1004"/>
      <c r="BP116" s="1005"/>
      <c r="BQ116" s="961" t="s">
        <v>129</v>
      </c>
      <c r="BR116" s="962"/>
      <c r="BS116" s="962"/>
      <c r="BT116" s="962"/>
      <c r="BU116" s="962"/>
      <c r="BV116" s="962" t="s">
        <v>129</v>
      </c>
      <c r="BW116" s="962"/>
      <c r="BX116" s="962"/>
      <c r="BY116" s="962"/>
      <c r="BZ116" s="962"/>
      <c r="CA116" s="962" t="s">
        <v>129</v>
      </c>
      <c r="CB116" s="962"/>
      <c r="CC116" s="962"/>
      <c r="CD116" s="962"/>
      <c r="CE116" s="962"/>
      <c r="CF116" s="956" t="s">
        <v>129</v>
      </c>
      <c r="CG116" s="957"/>
      <c r="CH116" s="957"/>
      <c r="CI116" s="957"/>
      <c r="CJ116" s="957"/>
      <c r="CK116" s="984"/>
      <c r="CL116" s="985"/>
      <c r="CM116" s="958" t="s">
        <v>455</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129</v>
      </c>
      <c r="DH116" s="995"/>
      <c r="DI116" s="995"/>
      <c r="DJ116" s="995"/>
      <c r="DK116" s="996"/>
      <c r="DL116" s="997" t="s">
        <v>129</v>
      </c>
      <c r="DM116" s="995"/>
      <c r="DN116" s="995"/>
      <c r="DO116" s="995"/>
      <c r="DP116" s="996"/>
      <c r="DQ116" s="997" t="s">
        <v>129</v>
      </c>
      <c r="DR116" s="995"/>
      <c r="DS116" s="995"/>
      <c r="DT116" s="995"/>
      <c r="DU116" s="996"/>
      <c r="DV116" s="998" t="s">
        <v>129</v>
      </c>
      <c r="DW116" s="999"/>
      <c r="DX116" s="999"/>
      <c r="DY116" s="999"/>
      <c r="DZ116" s="1000"/>
    </row>
    <row r="117" spans="1:130" s="230" customFormat="1" ht="26.25" customHeight="1" x14ac:dyDescent="0.2">
      <c r="A117" s="948" t="s">
        <v>188</v>
      </c>
      <c r="B117" s="929"/>
      <c r="C117" s="929"/>
      <c r="D117" s="929"/>
      <c r="E117" s="929"/>
      <c r="F117" s="929"/>
      <c r="G117" s="929"/>
      <c r="H117" s="929"/>
      <c r="I117" s="929"/>
      <c r="J117" s="929"/>
      <c r="K117" s="929"/>
      <c r="L117" s="929"/>
      <c r="M117" s="929"/>
      <c r="N117" s="929"/>
      <c r="O117" s="929"/>
      <c r="P117" s="929"/>
      <c r="Q117" s="929"/>
      <c r="R117" s="929"/>
      <c r="S117" s="929"/>
      <c r="T117" s="929"/>
      <c r="U117" s="929"/>
      <c r="V117" s="929"/>
      <c r="W117" s="929"/>
      <c r="X117" s="929"/>
      <c r="Y117" s="1013" t="s">
        <v>456</v>
      </c>
      <c r="Z117" s="930"/>
      <c r="AA117" s="1014">
        <v>489775</v>
      </c>
      <c r="AB117" s="1015"/>
      <c r="AC117" s="1015"/>
      <c r="AD117" s="1015"/>
      <c r="AE117" s="1016"/>
      <c r="AF117" s="1017">
        <v>497330</v>
      </c>
      <c r="AG117" s="1015"/>
      <c r="AH117" s="1015"/>
      <c r="AI117" s="1015"/>
      <c r="AJ117" s="1016"/>
      <c r="AK117" s="1017">
        <v>524654</v>
      </c>
      <c r="AL117" s="1015"/>
      <c r="AM117" s="1015"/>
      <c r="AN117" s="1015"/>
      <c r="AO117" s="1016"/>
      <c r="AP117" s="1018"/>
      <c r="AQ117" s="1019"/>
      <c r="AR117" s="1019"/>
      <c r="AS117" s="1019"/>
      <c r="AT117" s="1020"/>
      <c r="AU117" s="944"/>
      <c r="AV117" s="945"/>
      <c r="AW117" s="945"/>
      <c r="AX117" s="945"/>
      <c r="AY117" s="945"/>
      <c r="AZ117" s="1010" t="s">
        <v>457</v>
      </c>
      <c r="BA117" s="1011"/>
      <c r="BB117" s="1011"/>
      <c r="BC117" s="1011"/>
      <c r="BD117" s="1011"/>
      <c r="BE117" s="1011"/>
      <c r="BF117" s="1011"/>
      <c r="BG117" s="1011"/>
      <c r="BH117" s="1011"/>
      <c r="BI117" s="1011"/>
      <c r="BJ117" s="1011"/>
      <c r="BK117" s="1011"/>
      <c r="BL117" s="1011"/>
      <c r="BM117" s="1011"/>
      <c r="BN117" s="1011"/>
      <c r="BO117" s="1011"/>
      <c r="BP117" s="1012"/>
      <c r="BQ117" s="961" t="s">
        <v>129</v>
      </c>
      <c r="BR117" s="962"/>
      <c r="BS117" s="962"/>
      <c r="BT117" s="962"/>
      <c r="BU117" s="962"/>
      <c r="BV117" s="962" t="s">
        <v>129</v>
      </c>
      <c r="BW117" s="962"/>
      <c r="BX117" s="962"/>
      <c r="BY117" s="962"/>
      <c r="BZ117" s="962"/>
      <c r="CA117" s="962" t="s">
        <v>129</v>
      </c>
      <c r="CB117" s="962"/>
      <c r="CC117" s="962"/>
      <c r="CD117" s="962"/>
      <c r="CE117" s="962"/>
      <c r="CF117" s="956" t="s">
        <v>129</v>
      </c>
      <c r="CG117" s="957"/>
      <c r="CH117" s="957"/>
      <c r="CI117" s="957"/>
      <c r="CJ117" s="957"/>
      <c r="CK117" s="984"/>
      <c r="CL117" s="985"/>
      <c r="CM117" s="958" t="s">
        <v>458</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129</v>
      </c>
      <c r="DH117" s="995"/>
      <c r="DI117" s="995"/>
      <c r="DJ117" s="995"/>
      <c r="DK117" s="996"/>
      <c r="DL117" s="997" t="s">
        <v>129</v>
      </c>
      <c r="DM117" s="995"/>
      <c r="DN117" s="995"/>
      <c r="DO117" s="995"/>
      <c r="DP117" s="996"/>
      <c r="DQ117" s="997" t="s">
        <v>129</v>
      </c>
      <c r="DR117" s="995"/>
      <c r="DS117" s="995"/>
      <c r="DT117" s="995"/>
      <c r="DU117" s="996"/>
      <c r="DV117" s="998" t="s">
        <v>129</v>
      </c>
      <c r="DW117" s="999"/>
      <c r="DX117" s="999"/>
      <c r="DY117" s="999"/>
      <c r="DZ117" s="1000"/>
    </row>
    <row r="118" spans="1:130" s="230" customFormat="1" ht="26.25" customHeight="1" x14ac:dyDescent="0.2">
      <c r="A118" s="948" t="s">
        <v>432</v>
      </c>
      <c r="B118" s="929"/>
      <c r="C118" s="929"/>
      <c r="D118" s="929"/>
      <c r="E118" s="929"/>
      <c r="F118" s="929"/>
      <c r="G118" s="929"/>
      <c r="H118" s="929"/>
      <c r="I118" s="929"/>
      <c r="J118" s="929"/>
      <c r="K118" s="929"/>
      <c r="L118" s="929"/>
      <c r="M118" s="929"/>
      <c r="N118" s="929"/>
      <c r="O118" s="929"/>
      <c r="P118" s="929"/>
      <c r="Q118" s="929"/>
      <c r="R118" s="929"/>
      <c r="S118" s="929"/>
      <c r="T118" s="929"/>
      <c r="U118" s="929"/>
      <c r="V118" s="929"/>
      <c r="W118" s="929"/>
      <c r="X118" s="929"/>
      <c r="Y118" s="929"/>
      <c r="Z118" s="930"/>
      <c r="AA118" s="928" t="s">
        <v>429</v>
      </c>
      <c r="AB118" s="929"/>
      <c r="AC118" s="929"/>
      <c r="AD118" s="929"/>
      <c r="AE118" s="930"/>
      <c r="AF118" s="928" t="s">
        <v>430</v>
      </c>
      <c r="AG118" s="929"/>
      <c r="AH118" s="929"/>
      <c r="AI118" s="929"/>
      <c r="AJ118" s="930"/>
      <c r="AK118" s="928" t="s">
        <v>307</v>
      </c>
      <c r="AL118" s="929"/>
      <c r="AM118" s="929"/>
      <c r="AN118" s="929"/>
      <c r="AO118" s="930"/>
      <c r="AP118" s="1006" t="s">
        <v>431</v>
      </c>
      <c r="AQ118" s="1007"/>
      <c r="AR118" s="1007"/>
      <c r="AS118" s="1007"/>
      <c r="AT118" s="1008"/>
      <c r="AU118" s="944"/>
      <c r="AV118" s="945"/>
      <c r="AW118" s="945"/>
      <c r="AX118" s="945"/>
      <c r="AY118" s="945"/>
      <c r="AZ118" s="1009" t="s">
        <v>459</v>
      </c>
      <c r="BA118" s="1001"/>
      <c r="BB118" s="1001"/>
      <c r="BC118" s="1001"/>
      <c r="BD118" s="1001"/>
      <c r="BE118" s="1001"/>
      <c r="BF118" s="1001"/>
      <c r="BG118" s="1001"/>
      <c r="BH118" s="1001"/>
      <c r="BI118" s="1001"/>
      <c r="BJ118" s="1001"/>
      <c r="BK118" s="1001"/>
      <c r="BL118" s="1001"/>
      <c r="BM118" s="1001"/>
      <c r="BN118" s="1001"/>
      <c r="BO118" s="1001"/>
      <c r="BP118" s="1002"/>
      <c r="BQ118" s="1035" t="s">
        <v>129</v>
      </c>
      <c r="BR118" s="1036"/>
      <c r="BS118" s="1036"/>
      <c r="BT118" s="1036"/>
      <c r="BU118" s="1036"/>
      <c r="BV118" s="1036" t="s">
        <v>129</v>
      </c>
      <c r="BW118" s="1036"/>
      <c r="BX118" s="1036"/>
      <c r="BY118" s="1036"/>
      <c r="BZ118" s="1036"/>
      <c r="CA118" s="1036" t="s">
        <v>129</v>
      </c>
      <c r="CB118" s="1036"/>
      <c r="CC118" s="1036"/>
      <c r="CD118" s="1036"/>
      <c r="CE118" s="1036"/>
      <c r="CF118" s="956" t="s">
        <v>129</v>
      </c>
      <c r="CG118" s="957"/>
      <c r="CH118" s="957"/>
      <c r="CI118" s="957"/>
      <c r="CJ118" s="957"/>
      <c r="CK118" s="984"/>
      <c r="CL118" s="985"/>
      <c r="CM118" s="958" t="s">
        <v>460</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129</v>
      </c>
      <c r="DH118" s="995"/>
      <c r="DI118" s="995"/>
      <c r="DJ118" s="995"/>
      <c r="DK118" s="996"/>
      <c r="DL118" s="997" t="s">
        <v>129</v>
      </c>
      <c r="DM118" s="995"/>
      <c r="DN118" s="995"/>
      <c r="DO118" s="995"/>
      <c r="DP118" s="996"/>
      <c r="DQ118" s="997" t="s">
        <v>129</v>
      </c>
      <c r="DR118" s="995"/>
      <c r="DS118" s="995"/>
      <c r="DT118" s="995"/>
      <c r="DU118" s="996"/>
      <c r="DV118" s="998" t="s">
        <v>129</v>
      </c>
      <c r="DW118" s="999"/>
      <c r="DX118" s="999"/>
      <c r="DY118" s="999"/>
      <c r="DZ118" s="1000"/>
    </row>
    <row r="119" spans="1:130" s="230" customFormat="1" ht="26.25" customHeight="1" x14ac:dyDescent="0.2">
      <c r="A119" s="1092" t="s">
        <v>435</v>
      </c>
      <c r="B119" s="983"/>
      <c r="C119" s="965" t="s">
        <v>436</v>
      </c>
      <c r="D119" s="933"/>
      <c r="E119" s="933"/>
      <c r="F119" s="933"/>
      <c r="G119" s="933"/>
      <c r="H119" s="933"/>
      <c r="I119" s="933"/>
      <c r="J119" s="933"/>
      <c r="K119" s="933"/>
      <c r="L119" s="933"/>
      <c r="M119" s="933"/>
      <c r="N119" s="933"/>
      <c r="O119" s="933"/>
      <c r="P119" s="933"/>
      <c r="Q119" s="933"/>
      <c r="R119" s="933"/>
      <c r="S119" s="933"/>
      <c r="T119" s="933"/>
      <c r="U119" s="933"/>
      <c r="V119" s="933"/>
      <c r="W119" s="933"/>
      <c r="X119" s="933"/>
      <c r="Y119" s="933"/>
      <c r="Z119" s="934"/>
      <c r="AA119" s="935">
        <v>4456</v>
      </c>
      <c r="AB119" s="936"/>
      <c r="AC119" s="936"/>
      <c r="AD119" s="936"/>
      <c r="AE119" s="937"/>
      <c r="AF119" s="938">
        <v>4492</v>
      </c>
      <c r="AG119" s="936"/>
      <c r="AH119" s="936"/>
      <c r="AI119" s="936"/>
      <c r="AJ119" s="937"/>
      <c r="AK119" s="938">
        <v>4529</v>
      </c>
      <c r="AL119" s="936"/>
      <c r="AM119" s="936"/>
      <c r="AN119" s="936"/>
      <c r="AO119" s="937"/>
      <c r="AP119" s="939">
        <v>0.2</v>
      </c>
      <c r="AQ119" s="940"/>
      <c r="AR119" s="940"/>
      <c r="AS119" s="940"/>
      <c r="AT119" s="941"/>
      <c r="AU119" s="946"/>
      <c r="AV119" s="947"/>
      <c r="AW119" s="947"/>
      <c r="AX119" s="947"/>
      <c r="AY119" s="947"/>
      <c r="AZ119" s="251" t="s">
        <v>188</v>
      </c>
      <c r="BA119" s="251"/>
      <c r="BB119" s="251"/>
      <c r="BC119" s="251"/>
      <c r="BD119" s="251"/>
      <c r="BE119" s="251"/>
      <c r="BF119" s="251"/>
      <c r="BG119" s="251"/>
      <c r="BH119" s="251"/>
      <c r="BI119" s="251"/>
      <c r="BJ119" s="251"/>
      <c r="BK119" s="251"/>
      <c r="BL119" s="251"/>
      <c r="BM119" s="251"/>
      <c r="BN119" s="251"/>
      <c r="BO119" s="1013" t="s">
        <v>461</v>
      </c>
      <c r="BP119" s="1041"/>
      <c r="BQ119" s="1035">
        <v>6815314</v>
      </c>
      <c r="BR119" s="1036"/>
      <c r="BS119" s="1036"/>
      <c r="BT119" s="1036"/>
      <c r="BU119" s="1036"/>
      <c r="BV119" s="1036">
        <v>7513909</v>
      </c>
      <c r="BW119" s="1036"/>
      <c r="BX119" s="1036"/>
      <c r="BY119" s="1036"/>
      <c r="BZ119" s="1036"/>
      <c r="CA119" s="1036">
        <v>7372028</v>
      </c>
      <c r="CB119" s="1036"/>
      <c r="CC119" s="1036"/>
      <c r="CD119" s="1036"/>
      <c r="CE119" s="1036"/>
      <c r="CF119" s="1037"/>
      <c r="CG119" s="1038"/>
      <c r="CH119" s="1038"/>
      <c r="CI119" s="1038"/>
      <c r="CJ119" s="1039"/>
      <c r="CK119" s="986"/>
      <c r="CL119" s="987"/>
      <c r="CM119" s="1009" t="s">
        <v>462</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t="s">
        <v>129</v>
      </c>
      <c r="DH119" s="1022"/>
      <c r="DI119" s="1022"/>
      <c r="DJ119" s="1022"/>
      <c r="DK119" s="1023"/>
      <c r="DL119" s="1021" t="s">
        <v>129</v>
      </c>
      <c r="DM119" s="1022"/>
      <c r="DN119" s="1022"/>
      <c r="DO119" s="1022"/>
      <c r="DP119" s="1023"/>
      <c r="DQ119" s="1021" t="s">
        <v>129</v>
      </c>
      <c r="DR119" s="1022"/>
      <c r="DS119" s="1022"/>
      <c r="DT119" s="1022"/>
      <c r="DU119" s="1023"/>
      <c r="DV119" s="1024" t="s">
        <v>129</v>
      </c>
      <c r="DW119" s="1025"/>
      <c r="DX119" s="1025"/>
      <c r="DY119" s="1025"/>
      <c r="DZ119" s="1026"/>
    </row>
    <row r="120" spans="1:130" s="230" customFormat="1" ht="26.25" customHeight="1" x14ac:dyDescent="0.2">
      <c r="A120" s="1093"/>
      <c r="B120" s="985"/>
      <c r="C120" s="958" t="s">
        <v>439</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129</v>
      </c>
      <c r="AB120" s="995"/>
      <c r="AC120" s="995"/>
      <c r="AD120" s="995"/>
      <c r="AE120" s="996"/>
      <c r="AF120" s="997" t="s">
        <v>129</v>
      </c>
      <c r="AG120" s="995"/>
      <c r="AH120" s="995"/>
      <c r="AI120" s="995"/>
      <c r="AJ120" s="996"/>
      <c r="AK120" s="997" t="s">
        <v>129</v>
      </c>
      <c r="AL120" s="995"/>
      <c r="AM120" s="995"/>
      <c r="AN120" s="995"/>
      <c r="AO120" s="996"/>
      <c r="AP120" s="998" t="s">
        <v>129</v>
      </c>
      <c r="AQ120" s="999"/>
      <c r="AR120" s="999"/>
      <c r="AS120" s="999"/>
      <c r="AT120" s="1000"/>
      <c r="AU120" s="1027" t="s">
        <v>463</v>
      </c>
      <c r="AV120" s="1028"/>
      <c r="AW120" s="1028"/>
      <c r="AX120" s="1028"/>
      <c r="AY120" s="1029"/>
      <c r="AZ120" s="965" t="s">
        <v>464</v>
      </c>
      <c r="BA120" s="933"/>
      <c r="BB120" s="933"/>
      <c r="BC120" s="933"/>
      <c r="BD120" s="933"/>
      <c r="BE120" s="933"/>
      <c r="BF120" s="933"/>
      <c r="BG120" s="933"/>
      <c r="BH120" s="933"/>
      <c r="BI120" s="933"/>
      <c r="BJ120" s="933"/>
      <c r="BK120" s="933"/>
      <c r="BL120" s="933"/>
      <c r="BM120" s="933"/>
      <c r="BN120" s="933"/>
      <c r="BO120" s="933"/>
      <c r="BP120" s="934"/>
      <c r="BQ120" s="966">
        <v>1518270</v>
      </c>
      <c r="BR120" s="967"/>
      <c r="BS120" s="967"/>
      <c r="BT120" s="967"/>
      <c r="BU120" s="967"/>
      <c r="BV120" s="967">
        <v>2139654</v>
      </c>
      <c r="BW120" s="967"/>
      <c r="BX120" s="967"/>
      <c r="BY120" s="967"/>
      <c r="BZ120" s="967"/>
      <c r="CA120" s="967">
        <v>2561467</v>
      </c>
      <c r="CB120" s="967"/>
      <c r="CC120" s="967"/>
      <c r="CD120" s="967"/>
      <c r="CE120" s="967"/>
      <c r="CF120" s="980">
        <v>89</v>
      </c>
      <c r="CG120" s="981"/>
      <c r="CH120" s="981"/>
      <c r="CI120" s="981"/>
      <c r="CJ120" s="981"/>
      <c r="CK120" s="1042" t="s">
        <v>465</v>
      </c>
      <c r="CL120" s="1043"/>
      <c r="CM120" s="1043"/>
      <c r="CN120" s="1043"/>
      <c r="CO120" s="1044"/>
      <c r="CP120" s="1050" t="s">
        <v>408</v>
      </c>
      <c r="CQ120" s="1051"/>
      <c r="CR120" s="1051"/>
      <c r="CS120" s="1051"/>
      <c r="CT120" s="1051"/>
      <c r="CU120" s="1051"/>
      <c r="CV120" s="1051"/>
      <c r="CW120" s="1051"/>
      <c r="CX120" s="1051"/>
      <c r="CY120" s="1051"/>
      <c r="CZ120" s="1051"/>
      <c r="DA120" s="1051"/>
      <c r="DB120" s="1051"/>
      <c r="DC120" s="1051"/>
      <c r="DD120" s="1051"/>
      <c r="DE120" s="1051"/>
      <c r="DF120" s="1052"/>
      <c r="DG120" s="966">
        <v>782413</v>
      </c>
      <c r="DH120" s="967"/>
      <c r="DI120" s="967"/>
      <c r="DJ120" s="967"/>
      <c r="DK120" s="967"/>
      <c r="DL120" s="967">
        <v>728660</v>
      </c>
      <c r="DM120" s="967"/>
      <c r="DN120" s="967"/>
      <c r="DO120" s="967"/>
      <c r="DP120" s="967"/>
      <c r="DQ120" s="967">
        <v>691945</v>
      </c>
      <c r="DR120" s="967"/>
      <c r="DS120" s="967"/>
      <c r="DT120" s="967"/>
      <c r="DU120" s="967"/>
      <c r="DV120" s="968">
        <v>24</v>
      </c>
      <c r="DW120" s="968"/>
      <c r="DX120" s="968"/>
      <c r="DY120" s="968"/>
      <c r="DZ120" s="969"/>
    </row>
    <row r="121" spans="1:130" s="230" customFormat="1" ht="26.25" customHeight="1" x14ac:dyDescent="0.2">
      <c r="A121" s="1093"/>
      <c r="B121" s="985"/>
      <c r="C121" s="1010" t="s">
        <v>466</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129</v>
      </c>
      <c r="AB121" s="995"/>
      <c r="AC121" s="995"/>
      <c r="AD121" s="995"/>
      <c r="AE121" s="996"/>
      <c r="AF121" s="997" t="s">
        <v>129</v>
      </c>
      <c r="AG121" s="995"/>
      <c r="AH121" s="995"/>
      <c r="AI121" s="995"/>
      <c r="AJ121" s="996"/>
      <c r="AK121" s="997" t="s">
        <v>129</v>
      </c>
      <c r="AL121" s="995"/>
      <c r="AM121" s="995"/>
      <c r="AN121" s="995"/>
      <c r="AO121" s="996"/>
      <c r="AP121" s="998" t="s">
        <v>129</v>
      </c>
      <c r="AQ121" s="999"/>
      <c r="AR121" s="999"/>
      <c r="AS121" s="999"/>
      <c r="AT121" s="1000"/>
      <c r="AU121" s="1030"/>
      <c r="AV121" s="1031"/>
      <c r="AW121" s="1031"/>
      <c r="AX121" s="1031"/>
      <c r="AY121" s="1032"/>
      <c r="AZ121" s="958" t="s">
        <v>467</v>
      </c>
      <c r="BA121" s="959"/>
      <c r="BB121" s="959"/>
      <c r="BC121" s="959"/>
      <c r="BD121" s="959"/>
      <c r="BE121" s="959"/>
      <c r="BF121" s="959"/>
      <c r="BG121" s="959"/>
      <c r="BH121" s="959"/>
      <c r="BI121" s="959"/>
      <c r="BJ121" s="959"/>
      <c r="BK121" s="959"/>
      <c r="BL121" s="959"/>
      <c r="BM121" s="959"/>
      <c r="BN121" s="959"/>
      <c r="BO121" s="959"/>
      <c r="BP121" s="960"/>
      <c r="BQ121" s="961" t="s">
        <v>129</v>
      </c>
      <c r="BR121" s="962"/>
      <c r="BS121" s="962"/>
      <c r="BT121" s="962"/>
      <c r="BU121" s="962"/>
      <c r="BV121" s="962" t="s">
        <v>129</v>
      </c>
      <c r="BW121" s="962"/>
      <c r="BX121" s="962"/>
      <c r="BY121" s="962"/>
      <c r="BZ121" s="962"/>
      <c r="CA121" s="962" t="s">
        <v>129</v>
      </c>
      <c r="CB121" s="962"/>
      <c r="CC121" s="962"/>
      <c r="CD121" s="962"/>
      <c r="CE121" s="962"/>
      <c r="CF121" s="956" t="s">
        <v>129</v>
      </c>
      <c r="CG121" s="957"/>
      <c r="CH121" s="957"/>
      <c r="CI121" s="957"/>
      <c r="CJ121" s="957"/>
      <c r="CK121" s="1045"/>
      <c r="CL121" s="1046"/>
      <c r="CM121" s="1046"/>
      <c r="CN121" s="1046"/>
      <c r="CO121" s="1047"/>
      <c r="CP121" s="1055" t="s">
        <v>410</v>
      </c>
      <c r="CQ121" s="1056"/>
      <c r="CR121" s="1056"/>
      <c r="CS121" s="1056"/>
      <c r="CT121" s="1056"/>
      <c r="CU121" s="1056"/>
      <c r="CV121" s="1056"/>
      <c r="CW121" s="1056"/>
      <c r="CX121" s="1056"/>
      <c r="CY121" s="1056"/>
      <c r="CZ121" s="1056"/>
      <c r="DA121" s="1056"/>
      <c r="DB121" s="1056"/>
      <c r="DC121" s="1056"/>
      <c r="DD121" s="1056"/>
      <c r="DE121" s="1056"/>
      <c r="DF121" s="1057"/>
      <c r="DG121" s="961">
        <v>130650</v>
      </c>
      <c r="DH121" s="962"/>
      <c r="DI121" s="962"/>
      <c r="DJ121" s="962"/>
      <c r="DK121" s="962"/>
      <c r="DL121" s="962">
        <v>128144</v>
      </c>
      <c r="DM121" s="962"/>
      <c r="DN121" s="962"/>
      <c r="DO121" s="962"/>
      <c r="DP121" s="962"/>
      <c r="DQ121" s="962">
        <v>120196</v>
      </c>
      <c r="DR121" s="962"/>
      <c r="DS121" s="962"/>
      <c r="DT121" s="962"/>
      <c r="DU121" s="962"/>
      <c r="DV121" s="963">
        <v>4.2</v>
      </c>
      <c r="DW121" s="963"/>
      <c r="DX121" s="963"/>
      <c r="DY121" s="963"/>
      <c r="DZ121" s="964"/>
    </row>
    <row r="122" spans="1:130" s="230" customFormat="1" ht="26.25" customHeight="1" x14ac:dyDescent="0.2">
      <c r="A122" s="1093"/>
      <c r="B122" s="985"/>
      <c r="C122" s="958" t="s">
        <v>449</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129</v>
      </c>
      <c r="AB122" s="995"/>
      <c r="AC122" s="995"/>
      <c r="AD122" s="995"/>
      <c r="AE122" s="996"/>
      <c r="AF122" s="997" t="s">
        <v>129</v>
      </c>
      <c r="AG122" s="995"/>
      <c r="AH122" s="995"/>
      <c r="AI122" s="995"/>
      <c r="AJ122" s="996"/>
      <c r="AK122" s="997" t="s">
        <v>129</v>
      </c>
      <c r="AL122" s="995"/>
      <c r="AM122" s="995"/>
      <c r="AN122" s="995"/>
      <c r="AO122" s="996"/>
      <c r="AP122" s="998" t="s">
        <v>129</v>
      </c>
      <c r="AQ122" s="999"/>
      <c r="AR122" s="999"/>
      <c r="AS122" s="999"/>
      <c r="AT122" s="1000"/>
      <c r="AU122" s="1030"/>
      <c r="AV122" s="1031"/>
      <c r="AW122" s="1031"/>
      <c r="AX122" s="1031"/>
      <c r="AY122" s="1032"/>
      <c r="AZ122" s="1009" t="s">
        <v>468</v>
      </c>
      <c r="BA122" s="1001"/>
      <c r="BB122" s="1001"/>
      <c r="BC122" s="1001"/>
      <c r="BD122" s="1001"/>
      <c r="BE122" s="1001"/>
      <c r="BF122" s="1001"/>
      <c r="BG122" s="1001"/>
      <c r="BH122" s="1001"/>
      <c r="BI122" s="1001"/>
      <c r="BJ122" s="1001"/>
      <c r="BK122" s="1001"/>
      <c r="BL122" s="1001"/>
      <c r="BM122" s="1001"/>
      <c r="BN122" s="1001"/>
      <c r="BO122" s="1001"/>
      <c r="BP122" s="1002"/>
      <c r="BQ122" s="1035">
        <v>3968094</v>
      </c>
      <c r="BR122" s="1036"/>
      <c r="BS122" s="1036"/>
      <c r="BT122" s="1036"/>
      <c r="BU122" s="1036"/>
      <c r="BV122" s="1036">
        <v>4373483</v>
      </c>
      <c r="BW122" s="1036"/>
      <c r="BX122" s="1036"/>
      <c r="BY122" s="1036"/>
      <c r="BZ122" s="1036"/>
      <c r="CA122" s="1036">
        <v>4341334</v>
      </c>
      <c r="CB122" s="1036"/>
      <c r="CC122" s="1036"/>
      <c r="CD122" s="1036"/>
      <c r="CE122" s="1036"/>
      <c r="CF122" s="1053">
        <v>150.9</v>
      </c>
      <c r="CG122" s="1054"/>
      <c r="CH122" s="1054"/>
      <c r="CI122" s="1054"/>
      <c r="CJ122" s="1054"/>
      <c r="CK122" s="1045"/>
      <c r="CL122" s="1046"/>
      <c r="CM122" s="1046"/>
      <c r="CN122" s="1046"/>
      <c r="CO122" s="1047"/>
      <c r="CP122" s="1055" t="s">
        <v>406</v>
      </c>
      <c r="CQ122" s="1056"/>
      <c r="CR122" s="1056"/>
      <c r="CS122" s="1056"/>
      <c r="CT122" s="1056"/>
      <c r="CU122" s="1056"/>
      <c r="CV122" s="1056"/>
      <c r="CW122" s="1056"/>
      <c r="CX122" s="1056"/>
      <c r="CY122" s="1056"/>
      <c r="CZ122" s="1056"/>
      <c r="DA122" s="1056"/>
      <c r="DB122" s="1056"/>
      <c r="DC122" s="1056"/>
      <c r="DD122" s="1056"/>
      <c r="DE122" s="1056"/>
      <c r="DF122" s="1057"/>
      <c r="DG122" s="961">
        <v>2991</v>
      </c>
      <c r="DH122" s="962"/>
      <c r="DI122" s="962"/>
      <c r="DJ122" s="962"/>
      <c r="DK122" s="962"/>
      <c r="DL122" s="962">
        <v>2552</v>
      </c>
      <c r="DM122" s="962"/>
      <c r="DN122" s="962"/>
      <c r="DO122" s="962"/>
      <c r="DP122" s="962"/>
      <c r="DQ122" s="962">
        <v>2641</v>
      </c>
      <c r="DR122" s="962"/>
      <c r="DS122" s="962"/>
      <c r="DT122" s="962"/>
      <c r="DU122" s="962"/>
      <c r="DV122" s="963">
        <v>0.1</v>
      </c>
      <c r="DW122" s="963"/>
      <c r="DX122" s="963"/>
      <c r="DY122" s="963"/>
      <c r="DZ122" s="964"/>
    </row>
    <row r="123" spans="1:130" s="230" customFormat="1" ht="26.25" customHeight="1" x14ac:dyDescent="0.2">
      <c r="A123" s="1093"/>
      <c r="B123" s="985"/>
      <c r="C123" s="958" t="s">
        <v>455</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129</v>
      </c>
      <c r="AB123" s="995"/>
      <c r="AC123" s="995"/>
      <c r="AD123" s="995"/>
      <c r="AE123" s="996"/>
      <c r="AF123" s="997" t="s">
        <v>129</v>
      </c>
      <c r="AG123" s="995"/>
      <c r="AH123" s="995"/>
      <c r="AI123" s="995"/>
      <c r="AJ123" s="996"/>
      <c r="AK123" s="997" t="s">
        <v>129</v>
      </c>
      <c r="AL123" s="995"/>
      <c r="AM123" s="995"/>
      <c r="AN123" s="995"/>
      <c r="AO123" s="996"/>
      <c r="AP123" s="998" t="s">
        <v>129</v>
      </c>
      <c r="AQ123" s="999"/>
      <c r="AR123" s="999"/>
      <c r="AS123" s="999"/>
      <c r="AT123" s="1000"/>
      <c r="AU123" s="1033"/>
      <c r="AV123" s="1034"/>
      <c r="AW123" s="1034"/>
      <c r="AX123" s="1034"/>
      <c r="AY123" s="1034"/>
      <c r="AZ123" s="251" t="s">
        <v>188</v>
      </c>
      <c r="BA123" s="251"/>
      <c r="BB123" s="251"/>
      <c r="BC123" s="251"/>
      <c r="BD123" s="251"/>
      <c r="BE123" s="251"/>
      <c r="BF123" s="251"/>
      <c r="BG123" s="251"/>
      <c r="BH123" s="251"/>
      <c r="BI123" s="251"/>
      <c r="BJ123" s="251"/>
      <c r="BK123" s="251"/>
      <c r="BL123" s="251"/>
      <c r="BM123" s="251"/>
      <c r="BN123" s="251"/>
      <c r="BO123" s="1013" t="s">
        <v>469</v>
      </c>
      <c r="BP123" s="1041"/>
      <c r="BQ123" s="1099">
        <v>5486364</v>
      </c>
      <c r="BR123" s="1100"/>
      <c r="BS123" s="1100"/>
      <c r="BT123" s="1100"/>
      <c r="BU123" s="1100"/>
      <c r="BV123" s="1100">
        <v>6513137</v>
      </c>
      <c r="BW123" s="1100"/>
      <c r="BX123" s="1100"/>
      <c r="BY123" s="1100"/>
      <c r="BZ123" s="1100"/>
      <c r="CA123" s="1100">
        <v>6902801</v>
      </c>
      <c r="CB123" s="1100"/>
      <c r="CC123" s="1100"/>
      <c r="CD123" s="1100"/>
      <c r="CE123" s="1100"/>
      <c r="CF123" s="1037"/>
      <c r="CG123" s="1038"/>
      <c r="CH123" s="1038"/>
      <c r="CI123" s="1038"/>
      <c r="CJ123" s="1039"/>
      <c r="CK123" s="1045"/>
      <c r="CL123" s="1046"/>
      <c r="CM123" s="1046"/>
      <c r="CN123" s="1046"/>
      <c r="CO123" s="1047"/>
      <c r="CP123" s="1055" t="s">
        <v>470</v>
      </c>
      <c r="CQ123" s="1056"/>
      <c r="CR123" s="1056"/>
      <c r="CS123" s="1056"/>
      <c r="CT123" s="1056"/>
      <c r="CU123" s="1056"/>
      <c r="CV123" s="1056"/>
      <c r="CW123" s="1056"/>
      <c r="CX123" s="1056"/>
      <c r="CY123" s="1056"/>
      <c r="CZ123" s="1056"/>
      <c r="DA123" s="1056"/>
      <c r="DB123" s="1056"/>
      <c r="DC123" s="1056"/>
      <c r="DD123" s="1056"/>
      <c r="DE123" s="1056"/>
      <c r="DF123" s="1057"/>
      <c r="DG123" s="994" t="s">
        <v>129</v>
      </c>
      <c r="DH123" s="995"/>
      <c r="DI123" s="995"/>
      <c r="DJ123" s="995"/>
      <c r="DK123" s="996"/>
      <c r="DL123" s="997" t="s">
        <v>129</v>
      </c>
      <c r="DM123" s="995"/>
      <c r="DN123" s="995"/>
      <c r="DO123" s="995"/>
      <c r="DP123" s="996"/>
      <c r="DQ123" s="997" t="s">
        <v>129</v>
      </c>
      <c r="DR123" s="995"/>
      <c r="DS123" s="995"/>
      <c r="DT123" s="995"/>
      <c r="DU123" s="996"/>
      <c r="DV123" s="998" t="s">
        <v>129</v>
      </c>
      <c r="DW123" s="999"/>
      <c r="DX123" s="999"/>
      <c r="DY123" s="999"/>
      <c r="DZ123" s="1000"/>
    </row>
    <row r="124" spans="1:130" s="230" customFormat="1" ht="26.25" customHeight="1" thickBot="1" x14ac:dyDescent="0.25">
      <c r="A124" s="1093"/>
      <c r="B124" s="985"/>
      <c r="C124" s="958" t="s">
        <v>458</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129</v>
      </c>
      <c r="AB124" s="995"/>
      <c r="AC124" s="995"/>
      <c r="AD124" s="995"/>
      <c r="AE124" s="996"/>
      <c r="AF124" s="997" t="s">
        <v>129</v>
      </c>
      <c r="AG124" s="995"/>
      <c r="AH124" s="995"/>
      <c r="AI124" s="995"/>
      <c r="AJ124" s="996"/>
      <c r="AK124" s="997" t="s">
        <v>129</v>
      </c>
      <c r="AL124" s="995"/>
      <c r="AM124" s="995"/>
      <c r="AN124" s="995"/>
      <c r="AO124" s="996"/>
      <c r="AP124" s="998" t="s">
        <v>129</v>
      </c>
      <c r="AQ124" s="999"/>
      <c r="AR124" s="999"/>
      <c r="AS124" s="999"/>
      <c r="AT124" s="1000"/>
      <c r="AU124" s="1095" t="s">
        <v>471</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v>49.2</v>
      </c>
      <c r="BR124" s="1063"/>
      <c r="BS124" s="1063"/>
      <c r="BT124" s="1063"/>
      <c r="BU124" s="1063"/>
      <c r="BV124" s="1063">
        <v>33.9</v>
      </c>
      <c r="BW124" s="1063"/>
      <c r="BX124" s="1063"/>
      <c r="BY124" s="1063"/>
      <c r="BZ124" s="1063"/>
      <c r="CA124" s="1063">
        <v>16.3</v>
      </c>
      <c r="CB124" s="1063"/>
      <c r="CC124" s="1063"/>
      <c r="CD124" s="1063"/>
      <c r="CE124" s="1063"/>
      <c r="CF124" s="1064"/>
      <c r="CG124" s="1065"/>
      <c r="CH124" s="1065"/>
      <c r="CI124" s="1065"/>
      <c r="CJ124" s="1066"/>
      <c r="CK124" s="1048"/>
      <c r="CL124" s="1048"/>
      <c r="CM124" s="1048"/>
      <c r="CN124" s="1048"/>
      <c r="CO124" s="1049"/>
      <c r="CP124" s="1055" t="s">
        <v>472</v>
      </c>
      <c r="CQ124" s="1056"/>
      <c r="CR124" s="1056"/>
      <c r="CS124" s="1056"/>
      <c r="CT124" s="1056"/>
      <c r="CU124" s="1056"/>
      <c r="CV124" s="1056"/>
      <c r="CW124" s="1056"/>
      <c r="CX124" s="1056"/>
      <c r="CY124" s="1056"/>
      <c r="CZ124" s="1056"/>
      <c r="DA124" s="1056"/>
      <c r="DB124" s="1056"/>
      <c r="DC124" s="1056"/>
      <c r="DD124" s="1056"/>
      <c r="DE124" s="1056"/>
      <c r="DF124" s="1057"/>
      <c r="DG124" s="1040" t="s">
        <v>129</v>
      </c>
      <c r="DH124" s="1022"/>
      <c r="DI124" s="1022"/>
      <c r="DJ124" s="1022"/>
      <c r="DK124" s="1023"/>
      <c r="DL124" s="1021" t="s">
        <v>129</v>
      </c>
      <c r="DM124" s="1022"/>
      <c r="DN124" s="1022"/>
      <c r="DO124" s="1022"/>
      <c r="DP124" s="1023"/>
      <c r="DQ124" s="1021" t="s">
        <v>129</v>
      </c>
      <c r="DR124" s="1022"/>
      <c r="DS124" s="1022"/>
      <c r="DT124" s="1022"/>
      <c r="DU124" s="1023"/>
      <c r="DV124" s="1024" t="s">
        <v>129</v>
      </c>
      <c r="DW124" s="1025"/>
      <c r="DX124" s="1025"/>
      <c r="DY124" s="1025"/>
      <c r="DZ124" s="1026"/>
    </row>
    <row r="125" spans="1:130" s="230" customFormat="1" ht="26.25" customHeight="1" x14ac:dyDescent="0.2">
      <c r="A125" s="1093"/>
      <c r="B125" s="985"/>
      <c r="C125" s="958" t="s">
        <v>460</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129</v>
      </c>
      <c r="AB125" s="995"/>
      <c r="AC125" s="995"/>
      <c r="AD125" s="995"/>
      <c r="AE125" s="996"/>
      <c r="AF125" s="997" t="s">
        <v>129</v>
      </c>
      <c r="AG125" s="995"/>
      <c r="AH125" s="995"/>
      <c r="AI125" s="995"/>
      <c r="AJ125" s="996"/>
      <c r="AK125" s="997" t="s">
        <v>129</v>
      </c>
      <c r="AL125" s="995"/>
      <c r="AM125" s="995"/>
      <c r="AN125" s="995"/>
      <c r="AO125" s="996"/>
      <c r="AP125" s="998" t="s">
        <v>129</v>
      </c>
      <c r="AQ125" s="999"/>
      <c r="AR125" s="999"/>
      <c r="AS125" s="999"/>
      <c r="AT125" s="1000"/>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58" t="s">
        <v>473</v>
      </c>
      <c r="CL125" s="1043"/>
      <c r="CM125" s="1043"/>
      <c r="CN125" s="1043"/>
      <c r="CO125" s="1044"/>
      <c r="CP125" s="965" t="s">
        <v>474</v>
      </c>
      <c r="CQ125" s="933"/>
      <c r="CR125" s="933"/>
      <c r="CS125" s="933"/>
      <c r="CT125" s="933"/>
      <c r="CU125" s="933"/>
      <c r="CV125" s="933"/>
      <c r="CW125" s="933"/>
      <c r="CX125" s="933"/>
      <c r="CY125" s="933"/>
      <c r="CZ125" s="933"/>
      <c r="DA125" s="933"/>
      <c r="DB125" s="933"/>
      <c r="DC125" s="933"/>
      <c r="DD125" s="933"/>
      <c r="DE125" s="933"/>
      <c r="DF125" s="934"/>
      <c r="DG125" s="966" t="s">
        <v>129</v>
      </c>
      <c r="DH125" s="967"/>
      <c r="DI125" s="967"/>
      <c r="DJ125" s="967"/>
      <c r="DK125" s="967"/>
      <c r="DL125" s="967" t="s">
        <v>129</v>
      </c>
      <c r="DM125" s="967"/>
      <c r="DN125" s="967"/>
      <c r="DO125" s="967"/>
      <c r="DP125" s="967"/>
      <c r="DQ125" s="967" t="s">
        <v>129</v>
      </c>
      <c r="DR125" s="967"/>
      <c r="DS125" s="967"/>
      <c r="DT125" s="967"/>
      <c r="DU125" s="967"/>
      <c r="DV125" s="968" t="s">
        <v>129</v>
      </c>
      <c r="DW125" s="968"/>
      <c r="DX125" s="968"/>
      <c r="DY125" s="968"/>
      <c r="DZ125" s="969"/>
    </row>
    <row r="126" spans="1:130" s="230" customFormat="1" ht="26.25" customHeight="1" thickBot="1" x14ac:dyDescent="0.25">
      <c r="A126" s="1093"/>
      <c r="B126" s="985"/>
      <c r="C126" s="958" t="s">
        <v>462</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t="s">
        <v>129</v>
      </c>
      <c r="AB126" s="995"/>
      <c r="AC126" s="995"/>
      <c r="AD126" s="995"/>
      <c r="AE126" s="996"/>
      <c r="AF126" s="997" t="s">
        <v>129</v>
      </c>
      <c r="AG126" s="995"/>
      <c r="AH126" s="995"/>
      <c r="AI126" s="995"/>
      <c r="AJ126" s="996"/>
      <c r="AK126" s="997" t="s">
        <v>129</v>
      </c>
      <c r="AL126" s="995"/>
      <c r="AM126" s="995"/>
      <c r="AN126" s="995"/>
      <c r="AO126" s="996"/>
      <c r="AP126" s="998" t="s">
        <v>129</v>
      </c>
      <c r="AQ126" s="999"/>
      <c r="AR126" s="999"/>
      <c r="AS126" s="999"/>
      <c r="AT126" s="1000"/>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59"/>
      <c r="CL126" s="1046"/>
      <c r="CM126" s="1046"/>
      <c r="CN126" s="1046"/>
      <c r="CO126" s="1047"/>
      <c r="CP126" s="958" t="s">
        <v>475</v>
      </c>
      <c r="CQ126" s="959"/>
      <c r="CR126" s="959"/>
      <c r="CS126" s="959"/>
      <c r="CT126" s="959"/>
      <c r="CU126" s="959"/>
      <c r="CV126" s="959"/>
      <c r="CW126" s="959"/>
      <c r="CX126" s="959"/>
      <c r="CY126" s="959"/>
      <c r="CZ126" s="959"/>
      <c r="DA126" s="959"/>
      <c r="DB126" s="959"/>
      <c r="DC126" s="959"/>
      <c r="DD126" s="959"/>
      <c r="DE126" s="959"/>
      <c r="DF126" s="960"/>
      <c r="DG126" s="961" t="s">
        <v>129</v>
      </c>
      <c r="DH126" s="962"/>
      <c r="DI126" s="962"/>
      <c r="DJ126" s="962"/>
      <c r="DK126" s="962"/>
      <c r="DL126" s="962" t="s">
        <v>129</v>
      </c>
      <c r="DM126" s="962"/>
      <c r="DN126" s="962"/>
      <c r="DO126" s="962"/>
      <c r="DP126" s="962"/>
      <c r="DQ126" s="962" t="s">
        <v>129</v>
      </c>
      <c r="DR126" s="962"/>
      <c r="DS126" s="962"/>
      <c r="DT126" s="962"/>
      <c r="DU126" s="962"/>
      <c r="DV126" s="963" t="s">
        <v>129</v>
      </c>
      <c r="DW126" s="963"/>
      <c r="DX126" s="963"/>
      <c r="DY126" s="963"/>
      <c r="DZ126" s="964"/>
    </row>
    <row r="127" spans="1:130" s="230" customFormat="1" ht="26.25" customHeight="1" x14ac:dyDescent="0.2">
      <c r="A127" s="1094"/>
      <c r="B127" s="987"/>
      <c r="C127" s="1009" t="s">
        <v>476</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129</v>
      </c>
      <c r="AB127" s="995"/>
      <c r="AC127" s="995"/>
      <c r="AD127" s="995"/>
      <c r="AE127" s="996"/>
      <c r="AF127" s="997" t="s">
        <v>129</v>
      </c>
      <c r="AG127" s="995"/>
      <c r="AH127" s="995"/>
      <c r="AI127" s="995"/>
      <c r="AJ127" s="996"/>
      <c r="AK127" s="997" t="s">
        <v>129</v>
      </c>
      <c r="AL127" s="995"/>
      <c r="AM127" s="995"/>
      <c r="AN127" s="995"/>
      <c r="AO127" s="996"/>
      <c r="AP127" s="998" t="s">
        <v>129</v>
      </c>
      <c r="AQ127" s="999"/>
      <c r="AR127" s="999"/>
      <c r="AS127" s="999"/>
      <c r="AT127" s="1000"/>
      <c r="AU127" s="232"/>
      <c r="AV127" s="232"/>
      <c r="AW127" s="232"/>
      <c r="AX127" s="1067" t="s">
        <v>477</v>
      </c>
      <c r="AY127" s="1068"/>
      <c r="AZ127" s="1068"/>
      <c r="BA127" s="1068"/>
      <c r="BB127" s="1068"/>
      <c r="BC127" s="1068"/>
      <c r="BD127" s="1068"/>
      <c r="BE127" s="1069"/>
      <c r="BF127" s="1070" t="s">
        <v>478</v>
      </c>
      <c r="BG127" s="1068"/>
      <c r="BH127" s="1068"/>
      <c r="BI127" s="1068"/>
      <c r="BJ127" s="1068"/>
      <c r="BK127" s="1068"/>
      <c r="BL127" s="1069"/>
      <c r="BM127" s="1070" t="s">
        <v>479</v>
      </c>
      <c r="BN127" s="1068"/>
      <c r="BO127" s="1068"/>
      <c r="BP127" s="1068"/>
      <c r="BQ127" s="1068"/>
      <c r="BR127" s="1068"/>
      <c r="BS127" s="1069"/>
      <c r="BT127" s="1070" t="s">
        <v>480</v>
      </c>
      <c r="BU127" s="1068"/>
      <c r="BV127" s="1068"/>
      <c r="BW127" s="1068"/>
      <c r="BX127" s="1068"/>
      <c r="BY127" s="1068"/>
      <c r="BZ127" s="1091"/>
      <c r="CA127" s="232"/>
      <c r="CB127" s="232"/>
      <c r="CC127" s="232"/>
      <c r="CD127" s="255"/>
      <c r="CE127" s="255"/>
      <c r="CF127" s="255"/>
      <c r="CG127" s="232"/>
      <c r="CH127" s="232"/>
      <c r="CI127" s="232"/>
      <c r="CJ127" s="254"/>
      <c r="CK127" s="1059"/>
      <c r="CL127" s="1046"/>
      <c r="CM127" s="1046"/>
      <c r="CN127" s="1046"/>
      <c r="CO127" s="1047"/>
      <c r="CP127" s="958" t="s">
        <v>481</v>
      </c>
      <c r="CQ127" s="959"/>
      <c r="CR127" s="959"/>
      <c r="CS127" s="959"/>
      <c r="CT127" s="959"/>
      <c r="CU127" s="959"/>
      <c r="CV127" s="959"/>
      <c r="CW127" s="959"/>
      <c r="CX127" s="959"/>
      <c r="CY127" s="959"/>
      <c r="CZ127" s="959"/>
      <c r="DA127" s="959"/>
      <c r="DB127" s="959"/>
      <c r="DC127" s="959"/>
      <c r="DD127" s="959"/>
      <c r="DE127" s="959"/>
      <c r="DF127" s="960"/>
      <c r="DG127" s="961" t="s">
        <v>129</v>
      </c>
      <c r="DH127" s="962"/>
      <c r="DI127" s="962"/>
      <c r="DJ127" s="962"/>
      <c r="DK127" s="962"/>
      <c r="DL127" s="962" t="s">
        <v>129</v>
      </c>
      <c r="DM127" s="962"/>
      <c r="DN127" s="962"/>
      <c r="DO127" s="962"/>
      <c r="DP127" s="962"/>
      <c r="DQ127" s="962" t="s">
        <v>129</v>
      </c>
      <c r="DR127" s="962"/>
      <c r="DS127" s="962"/>
      <c r="DT127" s="962"/>
      <c r="DU127" s="962"/>
      <c r="DV127" s="963" t="s">
        <v>129</v>
      </c>
      <c r="DW127" s="963"/>
      <c r="DX127" s="963"/>
      <c r="DY127" s="963"/>
      <c r="DZ127" s="964"/>
    </row>
    <row r="128" spans="1:130" s="230" customFormat="1" ht="26.25" customHeight="1" thickBot="1" x14ac:dyDescent="0.25">
      <c r="A128" s="1077" t="s">
        <v>482</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483</v>
      </c>
      <c r="X128" s="1079"/>
      <c r="Y128" s="1079"/>
      <c r="Z128" s="1080"/>
      <c r="AA128" s="1081" t="s">
        <v>129</v>
      </c>
      <c r="AB128" s="1082"/>
      <c r="AC128" s="1082"/>
      <c r="AD128" s="1082"/>
      <c r="AE128" s="1083"/>
      <c r="AF128" s="1084" t="s">
        <v>129</v>
      </c>
      <c r="AG128" s="1082"/>
      <c r="AH128" s="1082"/>
      <c r="AI128" s="1082"/>
      <c r="AJ128" s="1083"/>
      <c r="AK128" s="1084" t="s">
        <v>129</v>
      </c>
      <c r="AL128" s="1082"/>
      <c r="AM128" s="1082"/>
      <c r="AN128" s="1082"/>
      <c r="AO128" s="1083"/>
      <c r="AP128" s="1085"/>
      <c r="AQ128" s="1086"/>
      <c r="AR128" s="1086"/>
      <c r="AS128" s="1086"/>
      <c r="AT128" s="1087"/>
      <c r="AU128" s="232"/>
      <c r="AV128" s="232"/>
      <c r="AW128" s="232"/>
      <c r="AX128" s="932" t="s">
        <v>484</v>
      </c>
      <c r="AY128" s="933"/>
      <c r="AZ128" s="933"/>
      <c r="BA128" s="933"/>
      <c r="BB128" s="933"/>
      <c r="BC128" s="933"/>
      <c r="BD128" s="933"/>
      <c r="BE128" s="934"/>
      <c r="BF128" s="1088" t="s">
        <v>129</v>
      </c>
      <c r="BG128" s="1089"/>
      <c r="BH128" s="1089"/>
      <c r="BI128" s="1089"/>
      <c r="BJ128" s="1089"/>
      <c r="BK128" s="1089"/>
      <c r="BL128" s="1090"/>
      <c r="BM128" s="1088">
        <v>15</v>
      </c>
      <c r="BN128" s="1089"/>
      <c r="BO128" s="1089"/>
      <c r="BP128" s="1089"/>
      <c r="BQ128" s="1089"/>
      <c r="BR128" s="1089"/>
      <c r="BS128" s="1090"/>
      <c r="BT128" s="1088">
        <v>20</v>
      </c>
      <c r="BU128" s="1089"/>
      <c r="BV128" s="1089"/>
      <c r="BW128" s="1089"/>
      <c r="BX128" s="1089"/>
      <c r="BY128" s="1089"/>
      <c r="BZ128" s="1112"/>
      <c r="CA128" s="255"/>
      <c r="CB128" s="255"/>
      <c r="CC128" s="255"/>
      <c r="CD128" s="255"/>
      <c r="CE128" s="255"/>
      <c r="CF128" s="255"/>
      <c r="CG128" s="232"/>
      <c r="CH128" s="232"/>
      <c r="CI128" s="232"/>
      <c r="CJ128" s="254"/>
      <c r="CK128" s="1060"/>
      <c r="CL128" s="1061"/>
      <c r="CM128" s="1061"/>
      <c r="CN128" s="1061"/>
      <c r="CO128" s="1062"/>
      <c r="CP128" s="1071" t="s">
        <v>485</v>
      </c>
      <c r="CQ128" s="762"/>
      <c r="CR128" s="762"/>
      <c r="CS128" s="762"/>
      <c r="CT128" s="762"/>
      <c r="CU128" s="762"/>
      <c r="CV128" s="762"/>
      <c r="CW128" s="762"/>
      <c r="CX128" s="762"/>
      <c r="CY128" s="762"/>
      <c r="CZ128" s="762"/>
      <c r="DA128" s="762"/>
      <c r="DB128" s="762"/>
      <c r="DC128" s="762"/>
      <c r="DD128" s="762"/>
      <c r="DE128" s="762"/>
      <c r="DF128" s="1072"/>
      <c r="DG128" s="1073" t="s">
        <v>129</v>
      </c>
      <c r="DH128" s="1074"/>
      <c r="DI128" s="1074"/>
      <c r="DJ128" s="1074"/>
      <c r="DK128" s="1074"/>
      <c r="DL128" s="1074" t="s">
        <v>129</v>
      </c>
      <c r="DM128" s="1074"/>
      <c r="DN128" s="1074"/>
      <c r="DO128" s="1074"/>
      <c r="DP128" s="1074"/>
      <c r="DQ128" s="1074" t="s">
        <v>129</v>
      </c>
      <c r="DR128" s="1074"/>
      <c r="DS128" s="1074"/>
      <c r="DT128" s="1074"/>
      <c r="DU128" s="1074"/>
      <c r="DV128" s="1075" t="s">
        <v>129</v>
      </c>
      <c r="DW128" s="1075"/>
      <c r="DX128" s="1075"/>
      <c r="DY128" s="1075"/>
      <c r="DZ128" s="1076"/>
    </row>
    <row r="129" spans="1:131" s="230" customFormat="1" ht="26.25" customHeight="1" x14ac:dyDescent="0.2">
      <c r="A129" s="970" t="s">
        <v>108</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486</v>
      </c>
      <c r="X129" s="1107"/>
      <c r="Y129" s="1107"/>
      <c r="Z129" s="1108"/>
      <c r="AA129" s="994">
        <v>3024979</v>
      </c>
      <c r="AB129" s="995"/>
      <c r="AC129" s="995"/>
      <c r="AD129" s="995"/>
      <c r="AE129" s="996"/>
      <c r="AF129" s="997">
        <v>3270895</v>
      </c>
      <c r="AG129" s="995"/>
      <c r="AH129" s="995"/>
      <c r="AI129" s="995"/>
      <c r="AJ129" s="996"/>
      <c r="AK129" s="997">
        <v>3212368</v>
      </c>
      <c r="AL129" s="995"/>
      <c r="AM129" s="995"/>
      <c r="AN129" s="995"/>
      <c r="AO129" s="996"/>
      <c r="AP129" s="1109"/>
      <c r="AQ129" s="1110"/>
      <c r="AR129" s="1110"/>
      <c r="AS129" s="1110"/>
      <c r="AT129" s="1111"/>
      <c r="AU129" s="233"/>
      <c r="AV129" s="233"/>
      <c r="AW129" s="233"/>
      <c r="AX129" s="1101" t="s">
        <v>487</v>
      </c>
      <c r="AY129" s="959"/>
      <c r="AZ129" s="959"/>
      <c r="BA129" s="959"/>
      <c r="BB129" s="959"/>
      <c r="BC129" s="959"/>
      <c r="BD129" s="959"/>
      <c r="BE129" s="960"/>
      <c r="BF129" s="1102" t="s">
        <v>129</v>
      </c>
      <c r="BG129" s="1103"/>
      <c r="BH129" s="1103"/>
      <c r="BI129" s="1103"/>
      <c r="BJ129" s="1103"/>
      <c r="BK129" s="1103"/>
      <c r="BL129" s="1104"/>
      <c r="BM129" s="1102">
        <v>20</v>
      </c>
      <c r="BN129" s="1103"/>
      <c r="BO129" s="1103"/>
      <c r="BP129" s="1103"/>
      <c r="BQ129" s="1103"/>
      <c r="BR129" s="1103"/>
      <c r="BS129" s="1104"/>
      <c r="BT129" s="1102">
        <v>30</v>
      </c>
      <c r="BU129" s="1103"/>
      <c r="BV129" s="1103"/>
      <c r="BW129" s="1103"/>
      <c r="BX129" s="1103"/>
      <c r="BY129" s="1103"/>
      <c r="BZ129" s="1105"/>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0" t="s">
        <v>488</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489</v>
      </c>
      <c r="X130" s="1107"/>
      <c r="Y130" s="1107"/>
      <c r="Z130" s="1108"/>
      <c r="AA130" s="994">
        <v>327960</v>
      </c>
      <c r="AB130" s="995"/>
      <c r="AC130" s="995"/>
      <c r="AD130" s="995"/>
      <c r="AE130" s="996"/>
      <c r="AF130" s="997">
        <v>325716</v>
      </c>
      <c r="AG130" s="995"/>
      <c r="AH130" s="995"/>
      <c r="AI130" s="995"/>
      <c r="AJ130" s="996"/>
      <c r="AK130" s="997">
        <v>334492</v>
      </c>
      <c r="AL130" s="995"/>
      <c r="AM130" s="995"/>
      <c r="AN130" s="995"/>
      <c r="AO130" s="996"/>
      <c r="AP130" s="1109"/>
      <c r="AQ130" s="1110"/>
      <c r="AR130" s="1110"/>
      <c r="AS130" s="1110"/>
      <c r="AT130" s="1111"/>
      <c r="AU130" s="233"/>
      <c r="AV130" s="233"/>
      <c r="AW130" s="233"/>
      <c r="AX130" s="1101" t="s">
        <v>490</v>
      </c>
      <c r="AY130" s="959"/>
      <c r="AZ130" s="959"/>
      <c r="BA130" s="959"/>
      <c r="BB130" s="959"/>
      <c r="BC130" s="959"/>
      <c r="BD130" s="959"/>
      <c r="BE130" s="960"/>
      <c r="BF130" s="1137">
        <v>6.1</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491</v>
      </c>
      <c r="X131" s="1144"/>
      <c r="Y131" s="1144"/>
      <c r="Z131" s="1145"/>
      <c r="AA131" s="1040">
        <v>2697019</v>
      </c>
      <c r="AB131" s="1022"/>
      <c r="AC131" s="1022"/>
      <c r="AD131" s="1022"/>
      <c r="AE131" s="1023"/>
      <c r="AF131" s="1021">
        <v>2945179</v>
      </c>
      <c r="AG131" s="1022"/>
      <c r="AH131" s="1022"/>
      <c r="AI131" s="1022"/>
      <c r="AJ131" s="1023"/>
      <c r="AK131" s="1021">
        <v>2877876</v>
      </c>
      <c r="AL131" s="1022"/>
      <c r="AM131" s="1022"/>
      <c r="AN131" s="1022"/>
      <c r="AO131" s="1023"/>
      <c r="AP131" s="1146"/>
      <c r="AQ131" s="1147"/>
      <c r="AR131" s="1147"/>
      <c r="AS131" s="1147"/>
      <c r="AT131" s="1148"/>
      <c r="AU131" s="233"/>
      <c r="AV131" s="233"/>
      <c r="AW131" s="233"/>
      <c r="AX131" s="1119" t="s">
        <v>492</v>
      </c>
      <c r="AY131" s="762"/>
      <c r="AZ131" s="762"/>
      <c r="BA131" s="762"/>
      <c r="BB131" s="762"/>
      <c r="BC131" s="762"/>
      <c r="BD131" s="762"/>
      <c r="BE131" s="1072"/>
      <c r="BF131" s="1120">
        <v>16.3</v>
      </c>
      <c r="BG131" s="1121"/>
      <c r="BH131" s="1121"/>
      <c r="BI131" s="1121"/>
      <c r="BJ131" s="1121"/>
      <c r="BK131" s="1121"/>
      <c r="BL131" s="1122"/>
      <c r="BM131" s="1120">
        <v>350</v>
      </c>
      <c r="BN131" s="1121"/>
      <c r="BO131" s="1121"/>
      <c r="BP131" s="1121"/>
      <c r="BQ131" s="1121"/>
      <c r="BR131" s="1121"/>
      <c r="BS131" s="1122"/>
      <c r="BT131" s="1123"/>
      <c r="BU131" s="1124"/>
      <c r="BV131" s="1124"/>
      <c r="BW131" s="1124"/>
      <c r="BX131" s="1124"/>
      <c r="BY131" s="1124"/>
      <c r="BZ131" s="1125"/>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6" t="s">
        <v>493</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494</v>
      </c>
      <c r="W132" s="1130"/>
      <c r="X132" s="1130"/>
      <c r="Y132" s="1130"/>
      <c r="Z132" s="1131"/>
      <c r="AA132" s="1132">
        <v>5.9997723409999999</v>
      </c>
      <c r="AB132" s="1133"/>
      <c r="AC132" s="1133"/>
      <c r="AD132" s="1133"/>
      <c r="AE132" s="1134"/>
      <c r="AF132" s="1135">
        <v>5.8269463420000003</v>
      </c>
      <c r="AG132" s="1133"/>
      <c r="AH132" s="1133"/>
      <c r="AI132" s="1133"/>
      <c r="AJ132" s="1134"/>
      <c r="AK132" s="1135">
        <v>6.6077204160000003</v>
      </c>
      <c r="AL132" s="1133"/>
      <c r="AM132" s="1133"/>
      <c r="AN132" s="1133"/>
      <c r="AO132" s="1134"/>
      <c r="AP132" s="1037"/>
      <c r="AQ132" s="1038"/>
      <c r="AR132" s="1038"/>
      <c r="AS132" s="1038"/>
      <c r="AT132" s="113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495</v>
      </c>
      <c r="W133" s="1113"/>
      <c r="X133" s="1113"/>
      <c r="Y133" s="1113"/>
      <c r="Z133" s="1114"/>
      <c r="AA133" s="1115">
        <v>5.5</v>
      </c>
      <c r="AB133" s="1116"/>
      <c r="AC133" s="1116"/>
      <c r="AD133" s="1116"/>
      <c r="AE133" s="1117"/>
      <c r="AF133" s="1115">
        <v>5.7</v>
      </c>
      <c r="AG133" s="1116"/>
      <c r="AH133" s="1116"/>
      <c r="AI133" s="1116"/>
      <c r="AJ133" s="1117"/>
      <c r="AK133" s="1115">
        <v>6.1</v>
      </c>
      <c r="AL133" s="1116"/>
      <c r="AM133" s="1116"/>
      <c r="AN133" s="1116"/>
      <c r="AO133" s="1117"/>
      <c r="AP133" s="1064"/>
      <c r="AQ133" s="1065"/>
      <c r="AR133" s="1065"/>
      <c r="AS133" s="1065"/>
      <c r="AT133" s="111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oV6Yln8QtiaEXJrTy1MXScTt8MaAuJyVZ+qaRPrv5KbiEST69+jb1KSIsn3AnMOL5aLEJqofVv1yZIDH1C4I/Q==" saltValue="PVo4TCNRukhFokWCFxVWQ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1640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496</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0tckAPt5kLhlW40DRS3Ssu1SpcBpgzqSZXQeKw7H00z9lxunzLR66LBXy3hqPlzPQpzgVlYU6HaCMXiSFrsVTA==" saltValue="u62sY5jsIUMJStJjynicK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yJaVSPPz5pO314fbab6a2GPl+tuK8SFbdt8UTAWPErpCX8MgfsNG0ZphWllQ5m5fr6ZqH+52dPXIwiBJLWcgRw==" saltValue="yLsC6IrM5KoKmxW33cGHm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49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0" t="s">
        <v>499</v>
      </c>
      <c r="AP7" s="272"/>
      <c r="AQ7" s="273" t="s">
        <v>500</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1"/>
      <c r="AP8" s="278" t="s">
        <v>501</v>
      </c>
      <c r="AQ8" s="279" t="s">
        <v>502</v>
      </c>
      <c r="AR8" s="280" t="s">
        <v>503</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2" t="s">
        <v>504</v>
      </c>
      <c r="AL9" s="1153"/>
      <c r="AM9" s="1153"/>
      <c r="AN9" s="1154"/>
      <c r="AO9" s="281">
        <v>1004540</v>
      </c>
      <c r="AP9" s="281">
        <v>94625</v>
      </c>
      <c r="AQ9" s="282">
        <v>108757</v>
      </c>
      <c r="AR9" s="283">
        <v>-13</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2" t="s">
        <v>505</v>
      </c>
      <c r="AL10" s="1153"/>
      <c r="AM10" s="1153"/>
      <c r="AN10" s="1154"/>
      <c r="AO10" s="284">
        <v>23010</v>
      </c>
      <c r="AP10" s="284">
        <v>2167</v>
      </c>
      <c r="AQ10" s="285">
        <v>15108</v>
      </c>
      <c r="AR10" s="286">
        <v>-85.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2" t="s">
        <v>506</v>
      </c>
      <c r="AL11" s="1153"/>
      <c r="AM11" s="1153"/>
      <c r="AN11" s="1154"/>
      <c r="AO11" s="284" t="s">
        <v>507</v>
      </c>
      <c r="AP11" s="284" t="s">
        <v>507</v>
      </c>
      <c r="AQ11" s="285">
        <v>1414</v>
      </c>
      <c r="AR11" s="286" t="s">
        <v>507</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2" t="s">
        <v>508</v>
      </c>
      <c r="AL12" s="1153"/>
      <c r="AM12" s="1153"/>
      <c r="AN12" s="1154"/>
      <c r="AO12" s="284" t="s">
        <v>507</v>
      </c>
      <c r="AP12" s="284" t="s">
        <v>507</v>
      </c>
      <c r="AQ12" s="285">
        <v>40</v>
      </c>
      <c r="AR12" s="286" t="s">
        <v>507</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2" t="s">
        <v>509</v>
      </c>
      <c r="AL13" s="1153"/>
      <c r="AM13" s="1153"/>
      <c r="AN13" s="1154"/>
      <c r="AO13" s="284">
        <v>62601</v>
      </c>
      <c r="AP13" s="284">
        <v>5897</v>
      </c>
      <c r="AQ13" s="285">
        <v>4611</v>
      </c>
      <c r="AR13" s="286">
        <v>27.9</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2" t="s">
        <v>510</v>
      </c>
      <c r="AL14" s="1153"/>
      <c r="AM14" s="1153"/>
      <c r="AN14" s="1154"/>
      <c r="AO14" s="284">
        <v>14076</v>
      </c>
      <c r="AP14" s="284">
        <v>1326</v>
      </c>
      <c r="AQ14" s="285">
        <v>2427</v>
      </c>
      <c r="AR14" s="286">
        <v>-45.4</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5" t="s">
        <v>511</v>
      </c>
      <c r="AL15" s="1156"/>
      <c r="AM15" s="1156"/>
      <c r="AN15" s="1157"/>
      <c r="AO15" s="284">
        <v>-72505</v>
      </c>
      <c r="AP15" s="284">
        <v>-6830</v>
      </c>
      <c r="AQ15" s="285">
        <v>-7785</v>
      </c>
      <c r="AR15" s="286">
        <v>-12.3</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5" t="s">
        <v>188</v>
      </c>
      <c r="AL16" s="1156"/>
      <c r="AM16" s="1156"/>
      <c r="AN16" s="1157"/>
      <c r="AO16" s="284">
        <v>1031722</v>
      </c>
      <c r="AP16" s="284">
        <v>97186</v>
      </c>
      <c r="AQ16" s="285">
        <v>124572</v>
      </c>
      <c r="AR16" s="286">
        <v>-22</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2</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3</v>
      </c>
      <c r="AP20" s="293" t="s">
        <v>514</v>
      </c>
      <c r="AQ20" s="294" t="s">
        <v>515</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58" t="s">
        <v>516</v>
      </c>
      <c r="AL21" s="1159"/>
      <c r="AM21" s="1159"/>
      <c r="AN21" s="1160"/>
      <c r="AO21" s="297">
        <v>9.51</v>
      </c>
      <c r="AP21" s="298">
        <v>10.78</v>
      </c>
      <c r="AQ21" s="299">
        <v>-1.27</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58" t="s">
        <v>517</v>
      </c>
      <c r="AL22" s="1159"/>
      <c r="AM22" s="1159"/>
      <c r="AN22" s="1160"/>
      <c r="AO22" s="302">
        <v>97.5</v>
      </c>
      <c r="AP22" s="303">
        <v>96.3</v>
      </c>
      <c r="AQ22" s="304">
        <v>1.2</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49" t="s">
        <v>518</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7"/>
    </row>
    <row r="27" spans="1:46" ht="13" x14ac:dyDescent="0.2">
      <c r="A27" s="309"/>
      <c r="AO27" s="262"/>
      <c r="AP27" s="262"/>
      <c r="AQ27" s="262"/>
      <c r="AR27" s="262"/>
      <c r="AS27" s="262"/>
      <c r="AT27" s="262"/>
    </row>
    <row r="28" spans="1:46" ht="16.5" x14ac:dyDescent="0.2">
      <c r="A28" s="263" t="s">
        <v>51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0" t="s">
        <v>499</v>
      </c>
      <c r="AP30" s="272"/>
      <c r="AQ30" s="273" t="s">
        <v>500</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1"/>
      <c r="AP31" s="278" t="s">
        <v>501</v>
      </c>
      <c r="AQ31" s="279" t="s">
        <v>502</v>
      </c>
      <c r="AR31" s="280" t="s">
        <v>50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6" t="s">
        <v>521</v>
      </c>
      <c r="AL32" s="1167"/>
      <c r="AM32" s="1167"/>
      <c r="AN32" s="1168"/>
      <c r="AO32" s="312">
        <v>428615</v>
      </c>
      <c r="AP32" s="312">
        <v>40374</v>
      </c>
      <c r="AQ32" s="313">
        <v>62543</v>
      </c>
      <c r="AR32" s="314">
        <v>-35.4</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6" t="s">
        <v>522</v>
      </c>
      <c r="AL33" s="1167"/>
      <c r="AM33" s="1167"/>
      <c r="AN33" s="1168"/>
      <c r="AO33" s="312" t="s">
        <v>507</v>
      </c>
      <c r="AP33" s="312" t="s">
        <v>507</v>
      </c>
      <c r="AQ33" s="313" t="s">
        <v>507</v>
      </c>
      <c r="AR33" s="314" t="s">
        <v>507</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6" t="s">
        <v>523</v>
      </c>
      <c r="AL34" s="1167"/>
      <c r="AM34" s="1167"/>
      <c r="AN34" s="1168"/>
      <c r="AO34" s="312" t="s">
        <v>507</v>
      </c>
      <c r="AP34" s="312" t="s">
        <v>507</v>
      </c>
      <c r="AQ34" s="313" t="s">
        <v>507</v>
      </c>
      <c r="AR34" s="314" t="s">
        <v>50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6" t="s">
        <v>524</v>
      </c>
      <c r="AL35" s="1167"/>
      <c r="AM35" s="1167"/>
      <c r="AN35" s="1168"/>
      <c r="AO35" s="312">
        <v>91510</v>
      </c>
      <c r="AP35" s="312">
        <v>8620</v>
      </c>
      <c r="AQ35" s="313">
        <v>16620</v>
      </c>
      <c r="AR35" s="314">
        <v>-48.1</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6" t="s">
        <v>525</v>
      </c>
      <c r="AL36" s="1167"/>
      <c r="AM36" s="1167"/>
      <c r="AN36" s="1168"/>
      <c r="AO36" s="312" t="s">
        <v>507</v>
      </c>
      <c r="AP36" s="312" t="s">
        <v>507</v>
      </c>
      <c r="AQ36" s="313">
        <v>3562</v>
      </c>
      <c r="AR36" s="314" t="s">
        <v>507</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6" t="s">
        <v>526</v>
      </c>
      <c r="AL37" s="1167"/>
      <c r="AM37" s="1167"/>
      <c r="AN37" s="1168"/>
      <c r="AO37" s="312">
        <v>4529</v>
      </c>
      <c r="AP37" s="312">
        <v>427</v>
      </c>
      <c r="AQ37" s="313">
        <v>625</v>
      </c>
      <c r="AR37" s="314">
        <v>-31.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9" t="s">
        <v>527</v>
      </c>
      <c r="AL38" s="1170"/>
      <c r="AM38" s="1170"/>
      <c r="AN38" s="1171"/>
      <c r="AO38" s="315" t="s">
        <v>507</v>
      </c>
      <c r="AP38" s="315" t="s">
        <v>507</v>
      </c>
      <c r="AQ38" s="316">
        <v>3</v>
      </c>
      <c r="AR38" s="304" t="s">
        <v>507</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9" t="s">
        <v>528</v>
      </c>
      <c r="AL39" s="1170"/>
      <c r="AM39" s="1170"/>
      <c r="AN39" s="1171"/>
      <c r="AO39" s="312" t="s">
        <v>507</v>
      </c>
      <c r="AP39" s="312" t="s">
        <v>507</v>
      </c>
      <c r="AQ39" s="313">
        <v>-2822</v>
      </c>
      <c r="AR39" s="314" t="s">
        <v>507</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6" t="s">
        <v>529</v>
      </c>
      <c r="AL40" s="1167"/>
      <c r="AM40" s="1167"/>
      <c r="AN40" s="1168"/>
      <c r="AO40" s="312">
        <v>-334492</v>
      </c>
      <c r="AP40" s="312">
        <v>-31508</v>
      </c>
      <c r="AQ40" s="313">
        <v>-53912</v>
      </c>
      <c r="AR40" s="314">
        <v>-41.6</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2" t="s">
        <v>299</v>
      </c>
      <c r="AL41" s="1173"/>
      <c r="AM41" s="1173"/>
      <c r="AN41" s="1174"/>
      <c r="AO41" s="312">
        <v>190162</v>
      </c>
      <c r="AP41" s="312">
        <v>17913</v>
      </c>
      <c r="AQ41" s="313">
        <v>26618</v>
      </c>
      <c r="AR41" s="314">
        <v>-32.700000000000003</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0</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1" t="s">
        <v>499</v>
      </c>
      <c r="AN49" s="1163" t="s">
        <v>533</v>
      </c>
      <c r="AO49" s="1164"/>
      <c r="AP49" s="1164"/>
      <c r="AQ49" s="1164"/>
      <c r="AR49" s="116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2"/>
      <c r="AN50" s="328" t="s">
        <v>534</v>
      </c>
      <c r="AO50" s="329" t="s">
        <v>535</v>
      </c>
      <c r="AP50" s="330" t="s">
        <v>536</v>
      </c>
      <c r="AQ50" s="331" t="s">
        <v>537</v>
      </c>
      <c r="AR50" s="332" t="s">
        <v>538</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9</v>
      </c>
      <c r="AL51" s="325"/>
      <c r="AM51" s="333">
        <v>977378</v>
      </c>
      <c r="AN51" s="334">
        <v>87056</v>
      </c>
      <c r="AO51" s="335">
        <v>104.7</v>
      </c>
      <c r="AP51" s="336">
        <v>88328</v>
      </c>
      <c r="AQ51" s="337">
        <v>-1.9</v>
      </c>
      <c r="AR51" s="338">
        <v>106.6</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0</v>
      </c>
      <c r="AM52" s="341">
        <v>150955</v>
      </c>
      <c r="AN52" s="342">
        <v>13446</v>
      </c>
      <c r="AO52" s="343">
        <v>-44.6</v>
      </c>
      <c r="AP52" s="344">
        <v>49013</v>
      </c>
      <c r="AQ52" s="345">
        <v>6.4</v>
      </c>
      <c r="AR52" s="346">
        <v>-51</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1</v>
      </c>
      <c r="AL53" s="325"/>
      <c r="AM53" s="333">
        <v>631768</v>
      </c>
      <c r="AN53" s="334">
        <v>56834</v>
      </c>
      <c r="AO53" s="335">
        <v>-34.700000000000003</v>
      </c>
      <c r="AP53" s="336">
        <v>103390</v>
      </c>
      <c r="AQ53" s="337">
        <v>17.100000000000001</v>
      </c>
      <c r="AR53" s="338">
        <v>-51.8</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0</v>
      </c>
      <c r="AM54" s="341">
        <v>337435</v>
      </c>
      <c r="AN54" s="342">
        <v>30356</v>
      </c>
      <c r="AO54" s="343">
        <v>125.8</v>
      </c>
      <c r="AP54" s="344">
        <v>51269</v>
      </c>
      <c r="AQ54" s="345">
        <v>4.5999999999999996</v>
      </c>
      <c r="AR54" s="346">
        <v>121.2</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2</v>
      </c>
      <c r="AL55" s="325"/>
      <c r="AM55" s="333">
        <v>1134084</v>
      </c>
      <c r="AN55" s="334">
        <v>103749</v>
      </c>
      <c r="AO55" s="335">
        <v>82.5</v>
      </c>
      <c r="AP55" s="336">
        <v>117234</v>
      </c>
      <c r="AQ55" s="337">
        <v>13.4</v>
      </c>
      <c r="AR55" s="338">
        <v>69.099999999999994</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0</v>
      </c>
      <c r="AM56" s="341">
        <v>318467</v>
      </c>
      <c r="AN56" s="342">
        <v>29134</v>
      </c>
      <c r="AO56" s="343">
        <v>-4</v>
      </c>
      <c r="AP56" s="344">
        <v>59796</v>
      </c>
      <c r="AQ56" s="345">
        <v>16.600000000000001</v>
      </c>
      <c r="AR56" s="346">
        <v>-20.6</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3</v>
      </c>
      <c r="AL57" s="325"/>
      <c r="AM57" s="333">
        <v>2146884</v>
      </c>
      <c r="AN57" s="334">
        <v>199599</v>
      </c>
      <c r="AO57" s="335">
        <v>92.4</v>
      </c>
      <c r="AP57" s="336">
        <v>97758</v>
      </c>
      <c r="AQ57" s="337">
        <v>-16.600000000000001</v>
      </c>
      <c r="AR57" s="338">
        <v>109</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0</v>
      </c>
      <c r="AM58" s="341">
        <v>72364</v>
      </c>
      <c r="AN58" s="342">
        <v>6728</v>
      </c>
      <c r="AO58" s="343">
        <v>-76.900000000000006</v>
      </c>
      <c r="AP58" s="344">
        <v>45946</v>
      </c>
      <c r="AQ58" s="345">
        <v>-23.2</v>
      </c>
      <c r="AR58" s="346">
        <v>-53.7</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4</v>
      </c>
      <c r="AL59" s="325"/>
      <c r="AM59" s="333">
        <v>812344</v>
      </c>
      <c r="AN59" s="334">
        <v>76521</v>
      </c>
      <c r="AO59" s="335">
        <v>-61.7</v>
      </c>
      <c r="AP59" s="336">
        <v>91338</v>
      </c>
      <c r="AQ59" s="337">
        <v>-6.6</v>
      </c>
      <c r="AR59" s="338">
        <v>-55.1</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0</v>
      </c>
      <c r="AM60" s="341">
        <v>157229</v>
      </c>
      <c r="AN60" s="342">
        <v>14811</v>
      </c>
      <c r="AO60" s="343">
        <v>120.1</v>
      </c>
      <c r="AP60" s="344">
        <v>43989</v>
      </c>
      <c r="AQ60" s="345">
        <v>-4.3</v>
      </c>
      <c r="AR60" s="346">
        <v>124.4</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5</v>
      </c>
      <c r="AL61" s="347"/>
      <c r="AM61" s="348">
        <v>1140492</v>
      </c>
      <c r="AN61" s="349">
        <v>104752</v>
      </c>
      <c r="AO61" s="350">
        <v>36.6</v>
      </c>
      <c r="AP61" s="351">
        <v>99610</v>
      </c>
      <c r="AQ61" s="352">
        <v>1.1000000000000001</v>
      </c>
      <c r="AR61" s="338">
        <v>35.5</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0</v>
      </c>
      <c r="AM62" s="341">
        <v>207290</v>
      </c>
      <c r="AN62" s="342">
        <v>18895</v>
      </c>
      <c r="AO62" s="343">
        <v>24.1</v>
      </c>
      <c r="AP62" s="344">
        <v>50003</v>
      </c>
      <c r="AQ62" s="345">
        <v>0</v>
      </c>
      <c r="AR62" s="346">
        <v>24.1</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YjiMqNshFr4JdaG/D1FQjftudPAFTrcUjtQOdn0Bf9fDYiBQM39dc11xG860IPjsdQRLoXFeFR5bK2RfVFTN/Q==" saltValue="v6d2LGzjB74T8/+qsmQkR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7</v>
      </c>
    </row>
    <row r="121" spans="125:125" ht="13.5" hidden="1" customHeight="1" x14ac:dyDescent="0.2">
      <c r="DU121" s="259"/>
    </row>
  </sheetData>
  <sheetProtection algorithmName="SHA-512" hashValue="eipD3Js9za0z938tM8tsXIs170R0RDWbCZ63bHKPcWPbTU+ZIfbn9QZUSfS6i7mpvot8cH4iNM36LGuIyCU3ZQ==" saltValue="opR0l+51AZojtvNV25n3t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8</v>
      </c>
    </row>
  </sheetData>
  <sheetProtection algorithmName="SHA-512" hashValue="3gnkeWyz45t//DjHg2KtTRw+gr3xH/NfIiu2O+E1m/Ih8fIPlPBtVkbkad7CWmb0TXujeZLrthVuizjw3P6Xrg==" saltValue="1r6rPm5bpNVBmn9OglySm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79687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49</v>
      </c>
      <c r="G46" s="8" t="s">
        <v>550</v>
      </c>
      <c r="H46" s="8" t="s">
        <v>551</v>
      </c>
      <c r="I46" s="8" t="s">
        <v>552</v>
      </c>
      <c r="J46" s="9" t="s">
        <v>553</v>
      </c>
    </row>
    <row r="47" spans="2:10" ht="57.75" customHeight="1" x14ac:dyDescent="0.2">
      <c r="B47" s="10"/>
      <c r="C47" s="1175" t="s">
        <v>3</v>
      </c>
      <c r="D47" s="1175"/>
      <c r="E47" s="1176"/>
      <c r="F47" s="11">
        <v>12.21</v>
      </c>
      <c r="G47" s="12">
        <v>12.38</v>
      </c>
      <c r="H47" s="12">
        <v>24.49</v>
      </c>
      <c r="I47" s="12">
        <v>36.56</v>
      </c>
      <c r="J47" s="13">
        <v>46.56</v>
      </c>
    </row>
    <row r="48" spans="2:10" ht="57.75" customHeight="1" x14ac:dyDescent="0.2">
      <c r="B48" s="14"/>
      <c r="C48" s="1177" t="s">
        <v>4</v>
      </c>
      <c r="D48" s="1177"/>
      <c r="E48" s="1178"/>
      <c r="F48" s="15">
        <v>5.12</v>
      </c>
      <c r="G48" s="16">
        <v>7.2</v>
      </c>
      <c r="H48" s="16">
        <v>12.28</v>
      </c>
      <c r="I48" s="16">
        <v>15.44</v>
      </c>
      <c r="J48" s="17">
        <v>11.99</v>
      </c>
    </row>
    <row r="49" spans="2:10" ht="57.75" customHeight="1" thickBot="1" x14ac:dyDescent="0.25">
      <c r="B49" s="18"/>
      <c r="C49" s="1179" t="s">
        <v>5</v>
      </c>
      <c r="D49" s="1179"/>
      <c r="E49" s="1180"/>
      <c r="F49" s="19" t="s">
        <v>554</v>
      </c>
      <c r="G49" s="20">
        <v>2.0099999999999998</v>
      </c>
      <c r="H49" s="20">
        <v>18.22</v>
      </c>
      <c r="I49" s="20">
        <v>10.96</v>
      </c>
      <c r="J49" s="21" t="s">
        <v>555</v>
      </c>
    </row>
    <row r="50" spans="2:10" ht="13" x14ac:dyDescent="0.2"/>
  </sheetData>
  <sheetProtection algorithmName="SHA-512" hashValue="wKtL80Qljcgb2+9MPa5fxHIF9uZ00+FtmR861DgWYcIFvGkD0PZ/wehUnjAeFlFqMLW4XmkmyxqDltnOy++0kQ==" saltValue="WA5hYsxaDwk8YLp9Ne20B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22T06:33:13Z</cp:lastPrinted>
  <dcterms:created xsi:type="dcterms:W3CDTF">2024-03-14T02:08:10Z</dcterms:created>
  <dcterms:modified xsi:type="dcterms:W3CDTF">2024-09-26T04:34:16Z</dcterms:modified>
  <cp:category/>
</cp:coreProperties>
</file>